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avi" ContentType="video/x-msvideo"/>
  <Default Extension="xlsx" ContentType="application/vnd.openxmlformats-officedocument.spreadsheetml.sheet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charts/chart1.xml" ContentType="application/vnd.openxmlformats-officedocument.drawingml.chart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charts/chart2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charts/chart3.xml" ContentType="application/vnd.openxmlformats-officedocument.drawingml.chart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 autoCompressPictures="0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422" r:id="rId2"/>
    <p:sldId id="694" r:id="rId3"/>
    <p:sldId id="758" r:id="rId4"/>
    <p:sldId id="762" r:id="rId5"/>
    <p:sldId id="759" r:id="rId6"/>
    <p:sldId id="776" r:id="rId7"/>
    <p:sldId id="777" r:id="rId8"/>
    <p:sldId id="760" r:id="rId9"/>
    <p:sldId id="764" r:id="rId10"/>
    <p:sldId id="765" r:id="rId11"/>
    <p:sldId id="767" r:id="rId12"/>
    <p:sldId id="768" r:id="rId13"/>
    <p:sldId id="769" r:id="rId14"/>
    <p:sldId id="770" r:id="rId15"/>
    <p:sldId id="772" r:id="rId16"/>
    <p:sldId id="773" r:id="rId17"/>
    <p:sldId id="778" r:id="rId18"/>
    <p:sldId id="774" r:id="rId19"/>
    <p:sldId id="718" r:id="rId20"/>
    <p:sldId id="757" r:id="rId21"/>
    <p:sldId id="726" r:id="rId22"/>
  </p:sldIdLst>
  <p:sldSz cx="9144000" cy="6864350"/>
  <p:notesSz cx="9939338" cy="6807200"/>
  <p:defaultTextStyle>
    <a:defPPr>
      <a:defRPr lang="ja-JP"/>
    </a:defPPr>
    <a:lvl1pPr marL="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kumimoji="1"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預設章節" id="{519328EC-4972-4DE2-9613-7C4F5516AE23}">
          <p14:sldIdLst>
            <p14:sldId id="422"/>
            <p14:sldId id="694"/>
            <p14:sldId id="758"/>
            <p14:sldId id="762"/>
            <p14:sldId id="759"/>
            <p14:sldId id="776"/>
            <p14:sldId id="777"/>
            <p14:sldId id="760"/>
            <p14:sldId id="764"/>
            <p14:sldId id="765"/>
            <p14:sldId id="767"/>
            <p14:sldId id="768"/>
            <p14:sldId id="769"/>
            <p14:sldId id="770"/>
            <p14:sldId id="772"/>
            <p14:sldId id="773"/>
            <p14:sldId id="778"/>
            <p14:sldId id="774"/>
            <p14:sldId id="718"/>
            <p14:sldId id="757"/>
            <p14:sldId id="726"/>
          </p14:sldIdLst>
        </p14:section>
      </p14:sectionLst>
    </p:ext>
    <p:ext uri="{EFAFB233-063F-42B5-8137-9DF3F51BA10A}">
      <p15:sldGuideLst xmlns:p15="http://schemas.microsoft.com/office/powerpoint/2012/main">
        <p15:guide id="15" orient="horz" pos="2163">
          <p15:clr>
            <a:srgbClr val="A4A3A4"/>
          </p15:clr>
        </p15:guide>
        <p15:guide id="16" pos="2881">
          <p15:clr>
            <a:srgbClr val="A4A3A4"/>
          </p15:clr>
        </p15:guide>
        <p15:guide id="17" orient="horz" pos="529" userDrawn="1">
          <p15:clr>
            <a:srgbClr val="A4A3A4"/>
          </p15:clr>
        </p15:guide>
        <p15:guide id="18" orient="horz" pos="348" userDrawn="1">
          <p15:clr>
            <a:srgbClr val="A4A3A4"/>
          </p15:clr>
        </p15:guide>
        <p15:guide id="19" pos="431" userDrawn="1">
          <p15:clr>
            <a:srgbClr val="A4A3A4"/>
          </p15:clr>
        </p15:guide>
        <p15:guide id="20" orient="horz" pos="3704" userDrawn="1">
          <p15:clr>
            <a:srgbClr val="A4A3A4"/>
          </p15:clr>
        </p15:guide>
        <p15:guide id="21" pos="5329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3" name="作者" initials="A" lastIdx="0" clrIdx="2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FF"/>
    <a:srgbClr val="008000"/>
    <a:srgbClr val="FFFD78"/>
    <a:srgbClr val="CCFFCC"/>
    <a:srgbClr val="FFFFCC"/>
    <a:srgbClr val="B9D7EB"/>
    <a:srgbClr val="D6D6D6"/>
    <a:srgbClr val="AAAAAA"/>
    <a:srgbClr val="797979"/>
    <a:srgbClr val="82828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中間スタイル 2 - アクセント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スタイルなし、表のグリッド線あり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793D81CF-94F2-401A-BA57-92F5A7B2D0C5}" styleName="スタイル (中間)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0956" autoAdjust="0"/>
    <p:restoredTop sz="84173" autoAdjust="0"/>
  </p:normalViewPr>
  <p:slideViewPr>
    <p:cSldViewPr snapToGrid="0">
      <p:cViewPr>
        <p:scale>
          <a:sx n="66" d="100"/>
          <a:sy n="66" d="100"/>
        </p:scale>
        <p:origin x="1692" y="-78"/>
      </p:cViewPr>
      <p:guideLst>
        <p:guide orient="horz" pos="2163"/>
        <p:guide pos="2881"/>
        <p:guide orient="horz" pos="529"/>
        <p:guide orient="horz" pos="348"/>
        <p:guide pos="431"/>
        <p:guide orient="horz" pos="3704"/>
        <p:guide pos="5329"/>
      </p:guideLst>
    </p:cSldViewPr>
  </p:slideViewPr>
  <p:notesTextViewPr>
    <p:cViewPr>
      <p:scale>
        <a:sx n="125" d="100"/>
        <a:sy n="125" d="100"/>
      </p:scale>
      <p:origin x="0" y="-96"/>
    </p:cViewPr>
  </p:notesTextViewPr>
  <p:sorterViewPr>
    <p:cViewPr varScale="1"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oleObject" Target="Book1" TargetMode="Externa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___1.xlsx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oleObject" Target="Book1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zh-TW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lineChart>
        <c:grouping val="standard"/>
        <c:varyColors val="0"/>
        <c:ser>
          <c:idx val="0"/>
          <c:order val="0"/>
          <c:marker>
            <c:symbol val="none"/>
          </c:marker>
          <c:val>
            <c:numRef>
              <c:f>Sheet1!$B$2:$B$101</c:f>
              <c:numCache>
                <c:formatCode>General</c:formatCode>
                <c:ptCount val="100"/>
                <c:pt idx="0">
                  <c:v>0.5</c:v>
                </c:pt>
                <c:pt idx="1">
                  <c:v>1</c:v>
                </c:pt>
                <c:pt idx="2">
                  <c:v>3</c:v>
                </c:pt>
                <c:pt idx="3">
                  <c:v>12</c:v>
                </c:pt>
                <c:pt idx="4">
                  <c:v>60</c:v>
                </c:pt>
                <c:pt idx="5">
                  <c:v>360</c:v>
                </c:pt>
                <c:pt idx="6">
                  <c:v>2520</c:v>
                </c:pt>
                <c:pt idx="7">
                  <c:v>20160</c:v>
                </c:pt>
                <c:pt idx="8">
                  <c:v>181440</c:v>
                </c:pt>
                <c:pt idx="9">
                  <c:v>1814400</c:v>
                </c:pt>
                <c:pt idx="10">
                  <c:v>19958400</c:v>
                </c:pt>
                <c:pt idx="11">
                  <c:v>239500800</c:v>
                </c:pt>
                <c:pt idx="12">
                  <c:v>3113510400</c:v>
                </c:pt>
                <c:pt idx="13">
                  <c:v>43589145600</c:v>
                </c:pt>
                <c:pt idx="14">
                  <c:v>653837184000</c:v>
                </c:pt>
                <c:pt idx="15">
                  <c:v>10461394944000</c:v>
                </c:pt>
                <c:pt idx="16">
                  <c:v>177843714048000</c:v>
                </c:pt>
                <c:pt idx="17">
                  <c:v>3201186852864000</c:v>
                </c:pt>
                <c:pt idx="18">
                  <c:v>6.0822550204416E+16</c:v>
                </c:pt>
                <c:pt idx="19">
                  <c:v>1.21645100408832E+18</c:v>
                </c:pt>
                <c:pt idx="20">
                  <c:v>2.554547108585472E+19</c:v>
                </c:pt>
                <c:pt idx="21">
                  <c:v>5.6200036388880384E+20</c:v>
                </c:pt>
                <c:pt idx="22">
                  <c:v>1.2926008369442489E+22</c:v>
                </c:pt>
                <c:pt idx="23">
                  <c:v>3.102242008666197E+23</c:v>
                </c:pt>
                <c:pt idx="24">
                  <c:v>7.755605021665492E+24</c:v>
                </c:pt>
                <c:pt idx="25">
                  <c:v>2.0164573056330286E+26</c:v>
                </c:pt>
                <c:pt idx="26">
                  <c:v>5.444434725209176E+27</c:v>
                </c:pt>
                <c:pt idx="27">
                  <c:v>1.524441723058569E+29</c:v>
                </c:pt>
                <c:pt idx="28">
                  <c:v>4.4208809968698504E+30</c:v>
                </c:pt>
                <c:pt idx="29">
                  <c:v>1.3262642990609555E+32</c:v>
                </c:pt>
                <c:pt idx="30">
                  <c:v>4.1114193270889618E+33</c:v>
                </c:pt>
                <c:pt idx="31">
                  <c:v>1.3156541846684678E+35</c:v>
                </c:pt>
                <c:pt idx="32">
                  <c:v>4.3416588094059447E+36</c:v>
                </c:pt>
                <c:pt idx="33">
                  <c:v>1.4761639951980204E+38</c:v>
                </c:pt>
                <c:pt idx="34">
                  <c:v>5.1665739831930721E+39</c:v>
                </c:pt>
                <c:pt idx="35">
                  <c:v>1.8599666339495067E+41</c:v>
                </c:pt>
                <c:pt idx="36">
                  <c:v>6.8818765456131728E+42</c:v>
                </c:pt>
                <c:pt idx="37">
                  <c:v>2.6151130873330052E+44</c:v>
                </c:pt>
                <c:pt idx="38">
                  <c:v>1.0198941040598723E+46</c:v>
                </c:pt>
                <c:pt idx="39">
                  <c:v>4.07957641623949E+47</c:v>
                </c:pt>
                <c:pt idx="40">
                  <c:v>1.6726263306581899E+49</c:v>
                </c:pt>
                <c:pt idx="41">
                  <c:v>7.0250305887644006E+50</c:v>
                </c:pt>
                <c:pt idx="42">
                  <c:v>3.0207631531686922E+52</c:v>
                </c:pt>
                <c:pt idx="43">
                  <c:v>1.3291357873942248E+54</c:v>
                </c:pt>
                <c:pt idx="44">
                  <c:v>5.9811110432740105E+55</c:v>
                </c:pt>
                <c:pt idx="45">
                  <c:v>2.7513110799060446E+57</c:v>
                </c:pt>
                <c:pt idx="46">
                  <c:v>1.2931162075558413E+59</c:v>
                </c:pt>
                <c:pt idx="47">
                  <c:v>6.2069577962680341E+60</c:v>
                </c:pt>
                <c:pt idx="48">
                  <c:v>3.0414093201713394E+62</c:v>
                </c:pt>
                <c:pt idx="49">
                  <c:v>1.5207046600856688E+64</c:v>
                </c:pt>
                <c:pt idx="50">
                  <c:v>7.7555937664369081E+65</c:v>
                </c:pt>
                <c:pt idx="51">
                  <c:v>4.032908758547195E+67</c:v>
                </c:pt>
                <c:pt idx="52">
                  <c:v>2.137441642030012E+69</c:v>
                </c:pt>
                <c:pt idx="53">
                  <c:v>1.1542184866962064E+71</c:v>
                </c:pt>
                <c:pt idx="54">
                  <c:v>6.3482016768291319E+72</c:v>
                </c:pt>
                <c:pt idx="55">
                  <c:v>3.5549929390243159E+74</c:v>
                </c:pt>
                <c:pt idx="56">
                  <c:v>2.0263459752438613E+76</c:v>
                </c:pt>
                <c:pt idx="57">
                  <c:v>1.1752806656414395E+78</c:v>
                </c:pt>
                <c:pt idx="58">
                  <c:v>6.9341559272844906E+79</c:v>
                </c:pt>
                <c:pt idx="59">
                  <c:v>4.1604935563706949E+81</c:v>
                </c:pt>
                <c:pt idx="60">
                  <c:v>2.5379010693861231E+83</c:v>
                </c:pt>
                <c:pt idx="61">
                  <c:v>1.573498663019397E+85</c:v>
                </c:pt>
                <c:pt idx="62">
                  <c:v>9.9130415770221982E+86</c:v>
                </c:pt>
                <c:pt idx="63">
                  <c:v>6.3443466092942069E+88</c:v>
                </c:pt>
                <c:pt idx="64">
                  <c:v>4.1238252960412358E+90</c:v>
                </c:pt>
                <c:pt idx="65">
                  <c:v>2.7217246953872159E+92</c:v>
                </c:pt>
                <c:pt idx="66">
                  <c:v>1.8235555459094353E+94</c:v>
                </c:pt>
                <c:pt idx="67">
                  <c:v>1.240017771218415E+96</c:v>
                </c:pt>
                <c:pt idx="68">
                  <c:v>8.5561226214070634E+97</c:v>
                </c:pt>
                <c:pt idx="69">
                  <c:v>5.9892858349849461E+99</c:v>
                </c:pt>
                <c:pt idx="70">
                  <c:v>4.2523929428393121E+101</c:v>
                </c:pt>
                <c:pt idx="71">
                  <c:v>3.0617229188443058E+103</c:v>
                </c:pt>
                <c:pt idx="72">
                  <c:v>2.235057730756343E+105</c:v>
                </c:pt>
                <c:pt idx="73">
                  <c:v>1.6539427207596934E+107</c:v>
                </c:pt>
                <c:pt idx="74">
                  <c:v>1.2404570405697702E+109</c:v>
                </c:pt>
                <c:pt idx="75">
                  <c:v>9.4274735083302532E+110</c:v>
                </c:pt>
                <c:pt idx="76">
                  <c:v>7.2591546014142953E+112</c:v>
                </c:pt>
                <c:pt idx="77">
                  <c:v>5.6621405891031473E+114</c:v>
                </c:pt>
                <c:pt idx="78">
                  <c:v>4.47309106539149E+116</c:v>
                </c:pt>
                <c:pt idx="79">
                  <c:v>3.5784728523131898E+118</c:v>
                </c:pt>
                <c:pt idx="80">
                  <c:v>2.8985630103736845E+120</c:v>
                </c:pt>
                <c:pt idx="81">
                  <c:v>2.3768216685064217E+122</c:v>
                </c:pt>
                <c:pt idx="82">
                  <c:v>1.9727619848603301E+124</c:v>
                </c:pt>
                <c:pt idx="83">
                  <c:v>1.6571200672826769E+126</c:v>
                </c:pt>
                <c:pt idx="84">
                  <c:v>1.4085520571902747E+128</c:v>
                </c:pt>
                <c:pt idx="85">
                  <c:v>1.2113547691836372E+130</c:v>
                </c:pt>
                <c:pt idx="86">
                  <c:v>1.0538786491897635E+132</c:v>
                </c:pt>
                <c:pt idx="87">
                  <c:v>9.2741321128699198E+133</c:v>
                </c:pt>
                <c:pt idx="88">
                  <c:v>8.2539775804542327E+135</c:v>
                </c:pt>
                <c:pt idx="89">
                  <c:v>7.4285798224088026E+137</c:v>
                </c:pt>
                <c:pt idx="90">
                  <c:v>6.7600076383920167E+139</c:v>
                </c:pt>
                <c:pt idx="91">
                  <c:v>6.2192070273206527E+141</c:v>
                </c:pt>
                <c:pt idx="92">
                  <c:v>5.7838625354082052E+143</c:v>
                </c:pt>
                <c:pt idx="93">
                  <c:v>5.4368307832837132E+145</c:v>
                </c:pt>
                <c:pt idx="94">
                  <c:v>5.1649892441195304E+147</c:v>
                </c:pt>
                <c:pt idx="95">
                  <c:v>4.9583896743547455E+149</c:v>
                </c:pt>
                <c:pt idx="96">
                  <c:v>4.8096379841241078E+151</c:v>
                </c:pt>
                <c:pt idx="97">
                  <c:v>4.713445224441624E+153</c:v>
                </c:pt>
                <c:pt idx="98">
                  <c:v>4.6663107721972077E+155</c:v>
                </c:pt>
                <c:pt idx="99">
                  <c:v>4.6663107721972088E+157</c:v>
                </c:pt>
              </c:numCache>
            </c:numRef>
          </c:val>
          <c:smooth val="0"/>
          <c:extLst xmlns:c16r2="http://schemas.microsoft.com/office/drawing/2015/06/chart">
            <c:ext xmlns:c16="http://schemas.microsoft.com/office/drawing/2014/chart" uri="{C3380CC4-5D6E-409C-BE32-E72D297353CC}">
              <c16:uniqueId val="{00000000-7B83-40BC-AC50-2FA957373AC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-1275503056"/>
        <c:axId val="-1275506864"/>
      </c:lineChart>
      <c:catAx>
        <c:axId val="-1275503056"/>
        <c:scaling>
          <c:orientation val="minMax"/>
        </c:scaling>
        <c:delete val="0"/>
        <c:axPos val="b"/>
        <c:majorTickMark val="out"/>
        <c:minorTickMark val="none"/>
        <c:tickLblPos val="nextTo"/>
        <c:txPr>
          <a:bodyPr/>
          <a:lstStyle/>
          <a:p>
            <a:pPr>
              <a:defRPr lang="ja-JP"/>
            </a:pPr>
            <a:endParaRPr lang="zh-TW"/>
          </a:p>
        </c:txPr>
        <c:crossAx val="-1275506864"/>
        <c:crosses val="autoZero"/>
        <c:auto val="1"/>
        <c:lblAlgn val="ctr"/>
        <c:lblOffset val="100"/>
        <c:tickLblSkip val="10"/>
        <c:tickMarkSkip val="10"/>
        <c:noMultiLvlLbl val="0"/>
      </c:catAx>
      <c:valAx>
        <c:axId val="-1275506864"/>
        <c:scaling>
          <c:logBase val="10"/>
          <c:orientation val="minMax"/>
        </c:scaling>
        <c:delete val="0"/>
        <c:axPos val="l"/>
        <c:majorGridlines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lang="ja-JP"/>
            </a:pPr>
            <a:endParaRPr lang="zh-TW"/>
          </a:p>
        </c:txPr>
        <c:crossAx val="-1275503056"/>
        <c:crosses val="autoZero"/>
        <c:crossBetween val="between"/>
      </c:valAx>
    </c:plotArea>
    <c:plotVisOnly val="1"/>
    <c:dispBlanksAs val="gap"/>
    <c:showDLblsOverMax val="0"/>
  </c:chart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zh-TW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lang="ja-JP"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zh-TW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Sheet1!$C$1</c:f>
              <c:strCache>
                <c:ptCount val="1"/>
                <c:pt idx="0">
                  <c:v>Win rate</c:v>
                </c:pt>
              </c:strCache>
            </c:strRef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:$A</c:f>
              <c:strCache>
                <c:ptCount val="1667"/>
                <c:pt idx="0">
                  <c:v>0</c:v>
                </c:pt>
                <c:pt idx="1">
                  <c:v>50</c:v>
                </c:pt>
                <c:pt idx="2">
                  <c:v>100</c:v>
                </c:pt>
                <c:pt idx="3">
                  <c:v>150</c:v>
                </c:pt>
                <c:pt idx="4">
                  <c:v>200</c:v>
                </c:pt>
                <c:pt idx="5">
                  <c:v>250</c:v>
                </c:pt>
                <c:pt idx="6">
                  <c:v>300</c:v>
                </c:pt>
                <c:pt idx="7">
                  <c:v>350</c:v>
                </c:pt>
                <c:pt idx="8">
                  <c:v>400</c:v>
                </c:pt>
                <c:pt idx="9">
                  <c:v>450</c:v>
                </c:pt>
                <c:pt idx="10">
                  <c:v>500</c:v>
                </c:pt>
                <c:pt idx="11">
                  <c:v>550</c:v>
                </c:pt>
                <c:pt idx="12">
                  <c:v>600</c:v>
                </c:pt>
                <c:pt idx="13">
                  <c:v>650</c:v>
                </c:pt>
                <c:pt idx="14">
                  <c:v>700</c:v>
                </c:pt>
                <c:pt idx="15">
                  <c:v>750</c:v>
                </c:pt>
                <c:pt idx="16">
                  <c:v>800</c:v>
                </c:pt>
                <c:pt idx="17">
                  <c:v>850</c:v>
                </c:pt>
                <c:pt idx="18">
                  <c:v>900</c:v>
                </c:pt>
                <c:pt idx="19">
                  <c:v>950</c:v>
                </c:pt>
                <c:pt idx="20">
                  <c:v>1000</c:v>
                </c:pt>
                <c:pt idx="21">
                  <c:v>1050</c:v>
                </c:pt>
                <c:pt idx="22">
                  <c:v>1100</c:v>
                </c:pt>
                <c:pt idx="23">
                  <c:v>1150</c:v>
                </c:pt>
                <c:pt idx="24">
                  <c:v>1200</c:v>
                </c:pt>
                <c:pt idx="25">
                  <c:v>1250</c:v>
                </c:pt>
                <c:pt idx="26">
                  <c:v>1300</c:v>
                </c:pt>
                <c:pt idx="27">
                  <c:v>1350</c:v>
                </c:pt>
                <c:pt idx="28">
                  <c:v>1400</c:v>
                </c:pt>
                <c:pt idx="29">
                  <c:v>1450</c:v>
                </c:pt>
                <c:pt idx="30">
                  <c:v>1500</c:v>
                </c:pt>
                <c:pt idx="31">
                  <c:v>1550</c:v>
                </c:pt>
                <c:pt idx="32">
                  <c:v>1600</c:v>
                </c:pt>
                <c:pt idx="33">
                  <c:v>1650</c:v>
                </c:pt>
                <c:pt idx="34">
                  <c:v>1700</c:v>
                </c:pt>
                <c:pt idx="35">
                  <c:v>1750</c:v>
                </c:pt>
                <c:pt idx="36">
                  <c:v>1800</c:v>
                </c:pt>
                <c:pt idx="37">
                  <c:v>1850</c:v>
                </c:pt>
                <c:pt idx="38">
                  <c:v>1900</c:v>
                </c:pt>
                <c:pt idx="39">
                  <c:v>1950</c:v>
                </c:pt>
                <c:pt idx="40">
                  <c:v>2000</c:v>
                </c:pt>
                <c:pt idx="41">
                  <c:v>2050</c:v>
                </c:pt>
                <c:pt idx="42">
                  <c:v>2100</c:v>
                </c:pt>
                <c:pt idx="43">
                  <c:v>2150</c:v>
                </c:pt>
                <c:pt idx="44">
                  <c:v>2200</c:v>
                </c:pt>
                <c:pt idx="45">
                  <c:v>2250</c:v>
                </c:pt>
                <c:pt idx="46">
                  <c:v>2300</c:v>
                </c:pt>
                <c:pt idx="47">
                  <c:v>2350</c:v>
                </c:pt>
                <c:pt idx="48">
                  <c:v>2400</c:v>
                </c:pt>
                <c:pt idx="49">
                  <c:v>2450</c:v>
                </c:pt>
                <c:pt idx="50">
                  <c:v>2500</c:v>
                </c:pt>
                <c:pt idx="51">
                  <c:v>2550</c:v>
                </c:pt>
                <c:pt idx="52">
                  <c:v>2600</c:v>
                </c:pt>
                <c:pt idx="53">
                  <c:v>2650</c:v>
                </c:pt>
                <c:pt idx="54">
                  <c:v>2700</c:v>
                </c:pt>
                <c:pt idx="55">
                  <c:v>2750</c:v>
                </c:pt>
                <c:pt idx="56">
                  <c:v>2800</c:v>
                </c:pt>
                <c:pt idx="57">
                  <c:v>2850</c:v>
                </c:pt>
                <c:pt idx="58">
                  <c:v>2900</c:v>
                </c:pt>
                <c:pt idx="59">
                  <c:v>2950</c:v>
                </c:pt>
                <c:pt idx="60">
                  <c:v>3000</c:v>
                </c:pt>
                <c:pt idx="61">
                  <c:v>3050</c:v>
                </c:pt>
                <c:pt idx="62">
                  <c:v>3100</c:v>
                </c:pt>
                <c:pt idx="63">
                  <c:v>3150</c:v>
                </c:pt>
                <c:pt idx="64">
                  <c:v>3200</c:v>
                </c:pt>
                <c:pt idx="65">
                  <c:v>3250</c:v>
                </c:pt>
                <c:pt idx="66">
                  <c:v>3300</c:v>
                </c:pt>
                <c:pt idx="67">
                  <c:v>3350</c:v>
                </c:pt>
                <c:pt idx="68">
                  <c:v>3400</c:v>
                </c:pt>
                <c:pt idx="69">
                  <c:v>3450</c:v>
                </c:pt>
                <c:pt idx="70">
                  <c:v>3500</c:v>
                </c:pt>
                <c:pt idx="71">
                  <c:v>3550</c:v>
                </c:pt>
                <c:pt idx="72">
                  <c:v>3600</c:v>
                </c:pt>
                <c:pt idx="73">
                  <c:v>3650</c:v>
                </c:pt>
                <c:pt idx="74">
                  <c:v>3700</c:v>
                </c:pt>
                <c:pt idx="75">
                  <c:v>3750</c:v>
                </c:pt>
                <c:pt idx="76">
                  <c:v>3800</c:v>
                </c:pt>
                <c:pt idx="77">
                  <c:v>3850</c:v>
                </c:pt>
                <c:pt idx="78">
                  <c:v>3900</c:v>
                </c:pt>
                <c:pt idx="79">
                  <c:v>3950</c:v>
                </c:pt>
                <c:pt idx="80">
                  <c:v>4000</c:v>
                </c:pt>
                <c:pt idx="81">
                  <c:v>4050</c:v>
                </c:pt>
                <c:pt idx="82">
                  <c:v>4100</c:v>
                </c:pt>
                <c:pt idx="83">
                  <c:v>4150</c:v>
                </c:pt>
                <c:pt idx="84">
                  <c:v>4200</c:v>
                </c:pt>
                <c:pt idx="85">
                  <c:v>4250</c:v>
                </c:pt>
                <c:pt idx="86">
                  <c:v>4300</c:v>
                </c:pt>
                <c:pt idx="87">
                  <c:v>4350</c:v>
                </c:pt>
                <c:pt idx="88">
                  <c:v>4400</c:v>
                </c:pt>
                <c:pt idx="89">
                  <c:v>4450</c:v>
                </c:pt>
                <c:pt idx="90">
                  <c:v>4500</c:v>
                </c:pt>
                <c:pt idx="91">
                  <c:v>4550</c:v>
                </c:pt>
                <c:pt idx="92">
                  <c:v>4600</c:v>
                </c:pt>
                <c:pt idx="93">
                  <c:v>4650</c:v>
                </c:pt>
                <c:pt idx="94">
                  <c:v>4700</c:v>
                </c:pt>
                <c:pt idx="95">
                  <c:v>4750</c:v>
                </c:pt>
                <c:pt idx="96">
                  <c:v>4800</c:v>
                </c:pt>
                <c:pt idx="97">
                  <c:v>4850</c:v>
                </c:pt>
                <c:pt idx="98">
                  <c:v>4900</c:v>
                </c:pt>
                <c:pt idx="99">
                  <c:v>4950</c:v>
                </c:pt>
                <c:pt idx="100">
                  <c:v>5000</c:v>
                </c:pt>
                <c:pt idx="101">
                  <c:v>5050</c:v>
                </c:pt>
                <c:pt idx="102">
                  <c:v>5100</c:v>
                </c:pt>
                <c:pt idx="103">
                  <c:v>5150</c:v>
                </c:pt>
                <c:pt idx="104">
                  <c:v>5200</c:v>
                </c:pt>
                <c:pt idx="105">
                  <c:v>5250</c:v>
                </c:pt>
                <c:pt idx="106">
                  <c:v>5300</c:v>
                </c:pt>
                <c:pt idx="107">
                  <c:v>5350</c:v>
                </c:pt>
                <c:pt idx="108">
                  <c:v>5400</c:v>
                </c:pt>
                <c:pt idx="109">
                  <c:v>5450</c:v>
                </c:pt>
                <c:pt idx="110">
                  <c:v>5500</c:v>
                </c:pt>
                <c:pt idx="111">
                  <c:v>5550</c:v>
                </c:pt>
                <c:pt idx="112">
                  <c:v>5600</c:v>
                </c:pt>
                <c:pt idx="113">
                  <c:v>5650</c:v>
                </c:pt>
                <c:pt idx="114">
                  <c:v>5700</c:v>
                </c:pt>
                <c:pt idx="115">
                  <c:v>5750</c:v>
                </c:pt>
                <c:pt idx="116">
                  <c:v>5800</c:v>
                </c:pt>
                <c:pt idx="117">
                  <c:v>5850</c:v>
                </c:pt>
                <c:pt idx="118">
                  <c:v>5900</c:v>
                </c:pt>
                <c:pt idx="119">
                  <c:v>5950</c:v>
                </c:pt>
                <c:pt idx="120">
                  <c:v>6000</c:v>
                </c:pt>
                <c:pt idx="121">
                  <c:v>6050</c:v>
                </c:pt>
                <c:pt idx="122">
                  <c:v>6100</c:v>
                </c:pt>
                <c:pt idx="123">
                  <c:v>6150</c:v>
                </c:pt>
                <c:pt idx="124">
                  <c:v>6200</c:v>
                </c:pt>
                <c:pt idx="125">
                  <c:v>6250</c:v>
                </c:pt>
                <c:pt idx="126">
                  <c:v>6300</c:v>
                </c:pt>
                <c:pt idx="127">
                  <c:v>6350</c:v>
                </c:pt>
                <c:pt idx="128">
                  <c:v>6400</c:v>
                </c:pt>
                <c:pt idx="129">
                  <c:v>6450</c:v>
                </c:pt>
                <c:pt idx="130">
                  <c:v>6500</c:v>
                </c:pt>
                <c:pt idx="131">
                  <c:v>6550</c:v>
                </c:pt>
                <c:pt idx="132">
                  <c:v>6600</c:v>
                </c:pt>
                <c:pt idx="133">
                  <c:v>6650</c:v>
                </c:pt>
                <c:pt idx="134">
                  <c:v>6700</c:v>
                </c:pt>
                <c:pt idx="135">
                  <c:v>6750</c:v>
                </c:pt>
                <c:pt idx="136">
                  <c:v>6800</c:v>
                </c:pt>
                <c:pt idx="137">
                  <c:v>6850</c:v>
                </c:pt>
                <c:pt idx="138">
                  <c:v>6900</c:v>
                </c:pt>
                <c:pt idx="139">
                  <c:v>6950</c:v>
                </c:pt>
                <c:pt idx="140">
                  <c:v>7000</c:v>
                </c:pt>
                <c:pt idx="141">
                  <c:v>7050</c:v>
                </c:pt>
                <c:pt idx="142">
                  <c:v>7100</c:v>
                </c:pt>
                <c:pt idx="143">
                  <c:v>7150</c:v>
                </c:pt>
                <c:pt idx="144">
                  <c:v>7200</c:v>
                </c:pt>
                <c:pt idx="145">
                  <c:v>7250</c:v>
                </c:pt>
                <c:pt idx="146">
                  <c:v>7300</c:v>
                </c:pt>
                <c:pt idx="147">
                  <c:v>7350</c:v>
                </c:pt>
                <c:pt idx="148">
                  <c:v>7400</c:v>
                </c:pt>
                <c:pt idx="149">
                  <c:v>7450</c:v>
                </c:pt>
                <c:pt idx="150">
                  <c:v>7500</c:v>
                </c:pt>
                <c:pt idx="151">
                  <c:v>7550</c:v>
                </c:pt>
                <c:pt idx="152">
                  <c:v>7600</c:v>
                </c:pt>
                <c:pt idx="153">
                  <c:v>7650</c:v>
                </c:pt>
                <c:pt idx="154">
                  <c:v>7700</c:v>
                </c:pt>
                <c:pt idx="155">
                  <c:v>7750</c:v>
                </c:pt>
                <c:pt idx="156">
                  <c:v>7800</c:v>
                </c:pt>
                <c:pt idx="157">
                  <c:v>7850</c:v>
                </c:pt>
                <c:pt idx="158">
                  <c:v>7900</c:v>
                </c:pt>
                <c:pt idx="159">
                  <c:v>7950</c:v>
                </c:pt>
                <c:pt idx="160">
                  <c:v>8000</c:v>
                </c:pt>
                <c:pt idx="161">
                  <c:v>8050</c:v>
                </c:pt>
                <c:pt idx="162">
                  <c:v>8100</c:v>
                </c:pt>
                <c:pt idx="163">
                  <c:v>8150</c:v>
                </c:pt>
                <c:pt idx="164">
                  <c:v>8200</c:v>
                </c:pt>
                <c:pt idx="165">
                  <c:v>8250</c:v>
                </c:pt>
                <c:pt idx="166">
                  <c:v>8300</c:v>
                </c:pt>
                <c:pt idx="167">
                  <c:v>8350</c:v>
                </c:pt>
                <c:pt idx="168">
                  <c:v>8400</c:v>
                </c:pt>
                <c:pt idx="169">
                  <c:v>8450</c:v>
                </c:pt>
                <c:pt idx="170">
                  <c:v>8500</c:v>
                </c:pt>
                <c:pt idx="171">
                  <c:v>8550</c:v>
                </c:pt>
                <c:pt idx="172">
                  <c:v>8600</c:v>
                </c:pt>
                <c:pt idx="173">
                  <c:v>8650</c:v>
                </c:pt>
                <c:pt idx="174">
                  <c:v>8700</c:v>
                </c:pt>
                <c:pt idx="175">
                  <c:v>8750</c:v>
                </c:pt>
                <c:pt idx="176">
                  <c:v>8800</c:v>
                </c:pt>
                <c:pt idx="177">
                  <c:v>8850</c:v>
                </c:pt>
                <c:pt idx="178">
                  <c:v>8900</c:v>
                </c:pt>
                <c:pt idx="179">
                  <c:v>8950</c:v>
                </c:pt>
                <c:pt idx="180">
                  <c:v>9000</c:v>
                </c:pt>
                <c:pt idx="181">
                  <c:v>9050</c:v>
                </c:pt>
                <c:pt idx="182">
                  <c:v>9100</c:v>
                </c:pt>
                <c:pt idx="183">
                  <c:v>9150</c:v>
                </c:pt>
                <c:pt idx="184">
                  <c:v>9200</c:v>
                </c:pt>
                <c:pt idx="185">
                  <c:v>9250</c:v>
                </c:pt>
                <c:pt idx="186">
                  <c:v>9300</c:v>
                </c:pt>
                <c:pt idx="187">
                  <c:v>9350</c:v>
                </c:pt>
                <c:pt idx="188">
                  <c:v>9400</c:v>
                </c:pt>
                <c:pt idx="189">
                  <c:v>9450</c:v>
                </c:pt>
                <c:pt idx="190">
                  <c:v>9500</c:v>
                </c:pt>
                <c:pt idx="191">
                  <c:v>9550</c:v>
                </c:pt>
                <c:pt idx="192">
                  <c:v>9600</c:v>
                </c:pt>
                <c:pt idx="193">
                  <c:v>9650</c:v>
                </c:pt>
                <c:pt idx="194">
                  <c:v>9700</c:v>
                </c:pt>
                <c:pt idx="195">
                  <c:v>9750</c:v>
                </c:pt>
                <c:pt idx="196">
                  <c:v>9800</c:v>
                </c:pt>
                <c:pt idx="197">
                  <c:v>9850</c:v>
                </c:pt>
                <c:pt idx="198">
                  <c:v>9900</c:v>
                </c:pt>
                <c:pt idx="199">
                  <c:v>9950</c:v>
                </c:pt>
                <c:pt idx="200">
                  <c:v>10000</c:v>
                </c:pt>
                <c:pt idx="201">
                  <c:v>10050</c:v>
                </c:pt>
                <c:pt idx="202">
                  <c:v>10100</c:v>
                </c:pt>
                <c:pt idx="203">
                  <c:v>10150</c:v>
                </c:pt>
                <c:pt idx="204">
                  <c:v>10200</c:v>
                </c:pt>
                <c:pt idx="205">
                  <c:v>10250</c:v>
                </c:pt>
                <c:pt idx="206">
                  <c:v>10300</c:v>
                </c:pt>
                <c:pt idx="207">
                  <c:v>10350</c:v>
                </c:pt>
                <c:pt idx="208">
                  <c:v>10400</c:v>
                </c:pt>
                <c:pt idx="209">
                  <c:v>10450</c:v>
                </c:pt>
                <c:pt idx="210">
                  <c:v>10500</c:v>
                </c:pt>
                <c:pt idx="211">
                  <c:v>10550</c:v>
                </c:pt>
                <c:pt idx="212">
                  <c:v>10600</c:v>
                </c:pt>
                <c:pt idx="213">
                  <c:v>10650</c:v>
                </c:pt>
                <c:pt idx="214">
                  <c:v>10700</c:v>
                </c:pt>
                <c:pt idx="215">
                  <c:v>10750</c:v>
                </c:pt>
                <c:pt idx="216">
                  <c:v>10800</c:v>
                </c:pt>
                <c:pt idx="217">
                  <c:v>10850</c:v>
                </c:pt>
                <c:pt idx="218">
                  <c:v>10900</c:v>
                </c:pt>
                <c:pt idx="219">
                  <c:v>10950</c:v>
                </c:pt>
                <c:pt idx="220">
                  <c:v>11000</c:v>
                </c:pt>
                <c:pt idx="221">
                  <c:v>11050</c:v>
                </c:pt>
                <c:pt idx="222">
                  <c:v>11100</c:v>
                </c:pt>
                <c:pt idx="223">
                  <c:v>11150</c:v>
                </c:pt>
                <c:pt idx="224">
                  <c:v>11200</c:v>
                </c:pt>
                <c:pt idx="225">
                  <c:v>11250</c:v>
                </c:pt>
                <c:pt idx="226">
                  <c:v>11300</c:v>
                </c:pt>
                <c:pt idx="227">
                  <c:v>11350</c:v>
                </c:pt>
                <c:pt idx="228">
                  <c:v>11400</c:v>
                </c:pt>
                <c:pt idx="229">
                  <c:v>11450</c:v>
                </c:pt>
                <c:pt idx="230">
                  <c:v>11500</c:v>
                </c:pt>
                <c:pt idx="231">
                  <c:v>11550</c:v>
                </c:pt>
                <c:pt idx="232">
                  <c:v>11600</c:v>
                </c:pt>
                <c:pt idx="233">
                  <c:v>11650</c:v>
                </c:pt>
                <c:pt idx="234">
                  <c:v>11700</c:v>
                </c:pt>
                <c:pt idx="235">
                  <c:v>11750</c:v>
                </c:pt>
                <c:pt idx="236">
                  <c:v>11800</c:v>
                </c:pt>
                <c:pt idx="237">
                  <c:v>11850</c:v>
                </c:pt>
                <c:pt idx="238">
                  <c:v>11900</c:v>
                </c:pt>
                <c:pt idx="239">
                  <c:v>11950</c:v>
                </c:pt>
                <c:pt idx="240">
                  <c:v>12000</c:v>
                </c:pt>
                <c:pt idx="241">
                  <c:v>12050</c:v>
                </c:pt>
                <c:pt idx="242">
                  <c:v>12100</c:v>
                </c:pt>
                <c:pt idx="243">
                  <c:v>12150</c:v>
                </c:pt>
                <c:pt idx="244">
                  <c:v>12200</c:v>
                </c:pt>
                <c:pt idx="245">
                  <c:v>12250</c:v>
                </c:pt>
                <c:pt idx="246">
                  <c:v>12300</c:v>
                </c:pt>
                <c:pt idx="247">
                  <c:v>12350</c:v>
                </c:pt>
                <c:pt idx="248">
                  <c:v>12400</c:v>
                </c:pt>
                <c:pt idx="249">
                  <c:v>12450</c:v>
                </c:pt>
                <c:pt idx="250">
                  <c:v>12500</c:v>
                </c:pt>
                <c:pt idx="251">
                  <c:v>12550</c:v>
                </c:pt>
                <c:pt idx="252">
                  <c:v>12600</c:v>
                </c:pt>
                <c:pt idx="253">
                  <c:v>12650</c:v>
                </c:pt>
                <c:pt idx="254">
                  <c:v>12700</c:v>
                </c:pt>
                <c:pt idx="255">
                  <c:v>12750</c:v>
                </c:pt>
                <c:pt idx="256">
                  <c:v>12800</c:v>
                </c:pt>
                <c:pt idx="257">
                  <c:v>12850</c:v>
                </c:pt>
                <c:pt idx="258">
                  <c:v>12900</c:v>
                </c:pt>
                <c:pt idx="259">
                  <c:v>12950</c:v>
                </c:pt>
                <c:pt idx="260">
                  <c:v>13000</c:v>
                </c:pt>
                <c:pt idx="261">
                  <c:v>13050</c:v>
                </c:pt>
                <c:pt idx="262">
                  <c:v>13100</c:v>
                </c:pt>
                <c:pt idx="263">
                  <c:v>13150</c:v>
                </c:pt>
                <c:pt idx="264">
                  <c:v>13200</c:v>
                </c:pt>
                <c:pt idx="265">
                  <c:v>13250</c:v>
                </c:pt>
                <c:pt idx="266">
                  <c:v>13300</c:v>
                </c:pt>
                <c:pt idx="267">
                  <c:v>13350</c:v>
                </c:pt>
                <c:pt idx="268">
                  <c:v>13400</c:v>
                </c:pt>
                <c:pt idx="269">
                  <c:v>13450</c:v>
                </c:pt>
                <c:pt idx="270">
                  <c:v>13500</c:v>
                </c:pt>
                <c:pt idx="271">
                  <c:v>13550</c:v>
                </c:pt>
                <c:pt idx="272">
                  <c:v>13600</c:v>
                </c:pt>
                <c:pt idx="273">
                  <c:v>13650</c:v>
                </c:pt>
                <c:pt idx="274">
                  <c:v>13700</c:v>
                </c:pt>
                <c:pt idx="275">
                  <c:v>13750</c:v>
                </c:pt>
                <c:pt idx="276">
                  <c:v>13800</c:v>
                </c:pt>
                <c:pt idx="277">
                  <c:v>13850</c:v>
                </c:pt>
                <c:pt idx="278">
                  <c:v>13900</c:v>
                </c:pt>
                <c:pt idx="279">
                  <c:v>13950</c:v>
                </c:pt>
                <c:pt idx="280">
                  <c:v>14000</c:v>
                </c:pt>
                <c:pt idx="281">
                  <c:v>14050</c:v>
                </c:pt>
                <c:pt idx="282">
                  <c:v>14100</c:v>
                </c:pt>
                <c:pt idx="283">
                  <c:v>14150</c:v>
                </c:pt>
                <c:pt idx="284">
                  <c:v>14200</c:v>
                </c:pt>
                <c:pt idx="285">
                  <c:v>14250</c:v>
                </c:pt>
                <c:pt idx="286">
                  <c:v>14300</c:v>
                </c:pt>
                <c:pt idx="287">
                  <c:v>14350</c:v>
                </c:pt>
                <c:pt idx="288">
                  <c:v>14400</c:v>
                </c:pt>
                <c:pt idx="289">
                  <c:v>14450</c:v>
                </c:pt>
                <c:pt idx="290">
                  <c:v>14500</c:v>
                </c:pt>
                <c:pt idx="291">
                  <c:v>14550</c:v>
                </c:pt>
                <c:pt idx="292">
                  <c:v>14600</c:v>
                </c:pt>
                <c:pt idx="293">
                  <c:v>14650</c:v>
                </c:pt>
                <c:pt idx="294">
                  <c:v>14700</c:v>
                </c:pt>
                <c:pt idx="295">
                  <c:v>14750</c:v>
                </c:pt>
                <c:pt idx="296">
                  <c:v>14800</c:v>
                </c:pt>
                <c:pt idx="297">
                  <c:v>14850</c:v>
                </c:pt>
                <c:pt idx="298">
                  <c:v>14900</c:v>
                </c:pt>
                <c:pt idx="299">
                  <c:v>14950</c:v>
                </c:pt>
                <c:pt idx="300">
                  <c:v>15000</c:v>
                </c:pt>
                <c:pt idx="301">
                  <c:v>15050</c:v>
                </c:pt>
                <c:pt idx="302">
                  <c:v>15100</c:v>
                </c:pt>
                <c:pt idx="303">
                  <c:v>15150</c:v>
                </c:pt>
                <c:pt idx="304">
                  <c:v>15200</c:v>
                </c:pt>
                <c:pt idx="305">
                  <c:v>15250</c:v>
                </c:pt>
                <c:pt idx="306">
                  <c:v>15300</c:v>
                </c:pt>
                <c:pt idx="307">
                  <c:v>15350</c:v>
                </c:pt>
                <c:pt idx="308">
                  <c:v>15400</c:v>
                </c:pt>
                <c:pt idx="309">
                  <c:v>15450</c:v>
                </c:pt>
                <c:pt idx="310">
                  <c:v>15500</c:v>
                </c:pt>
                <c:pt idx="311">
                  <c:v>15550</c:v>
                </c:pt>
                <c:pt idx="312">
                  <c:v>15600</c:v>
                </c:pt>
                <c:pt idx="313">
                  <c:v>15650</c:v>
                </c:pt>
                <c:pt idx="314">
                  <c:v>15700</c:v>
                </c:pt>
                <c:pt idx="315">
                  <c:v>15750</c:v>
                </c:pt>
                <c:pt idx="316">
                  <c:v>15800</c:v>
                </c:pt>
                <c:pt idx="317">
                  <c:v>15850</c:v>
                </c:pt>
                <c:pt idx="318">
                  <c:v>15900</c:v>
                </c:pt>
                <c:pt idx="319">
                  <c:v>15950</c:v>
                </c:pt>
                <c:pt idx="320">
                  <c:v>16000</c:v>
                </c:pt>
                <c:pt idx="321">
                  <c:v>16050</c:v>
                </c:pt>
                <c:pt idx="322">
                  <c:v>16100</c:v>
                </c:pt>
                <c:pt idx="323">
                  <c:v>16150</c:v>
                </c:pt>
                <c:pt idx="324">
                  <c:v>16200</c:v>
                </c:pt>
                <c:pt idx="325">
                  <c:v>16250</c:v>
                </c:pt>
                <c:pt idx="326">
                  <c:v>16300</c:v>
                </c:pt>
                <c:pt idx="327">
                  <c:v>16350</c:v>
                </c:pt>
                <c:pt idx="328">
                  <c:v>16400</c:v>
                </c:pt>
                <c:pt idx="329">
                  <c:v>16450</c:v>
                </c:pt>
                <c:pt idx="330">
                  <c:v>16500</c:v>
                </c:pt>
                <c:pt idx="331">
                  <c:v>16550</c:v>
                </c:pt>
                <c:pt idx="332">
                  <c:v>16600</c:v>
                </c:pt>
                <c:pt idx="333">
                  <c:v>16650</c:v>
                </c:pt>
                <c:pt idx="334">
                  <c:v>16700</c:v>
                </c:pt>
                <c:pt idx="335">
                  <c:v>16750</c:v>
                </c:pt>
                <c:pt idx="336">
                  <c:v>16800</c:v>
                </c:pt>
                <c:pt idx="337">
                  <c:v>16850</c:v>
                </c:pt>
                <c:pt idx="338">
                  <c:v>16900</c:v>
                </c:pt>
                <c:pt idx="339">
                  <c:v>16950</c:v>
                </c:pt>
                <c:pt idx="340">
                  <c:v>17000</c:v>
                </c:pt>
                <c:pt idx="341">
                  <c:v>17050</c:v>
                </c:pt>
                <c:pt idx="342">
                  <c:v>17100</c:v>
                </c:pt>
                <c:pt idx="343">
                  <c:v>17150</c:v>
                </c:pt>
                <c:pt idx="344">
                  <c:v>17200</c:v>
                </c:pt>
                <c:pt idx="345">
                  <c:v>17250</c:v>
                </c:pt>
                <c:pt idx="346">
                  <c:v>17300</c:v>
                </c:pt>
                <c:pt idx="347">
                  <c:v>17350</c:v>
                </c:pt>
                <c:pt idx="348">
                  <c:v>17400</c:v>
                </c:pt>
                <c:pt idx="349">
                  <c:v>17450</c:v>
                </c:pt>
                <c:pt idx="350">
                  <c:v>17500</c:v>
                </c:pt>
                <c:pt idx="351">
                  <c:v>17550</c:v>
                </c:pt>
                <c:pt idx="352">
                  <c:v>17600</c:v>
                </c:pt>
                <c:pt idx="353">
                  <c:v>17600</c:v>
                </c:pt>
                <c:pt idx="354">
                  <c:v>17650</c:v>
                </c:pt>
                <c:pt idx="355">
                  <c:v>17700</c:v>
                </c:pt>
                <c:pt idx="356">
                  <c:v>17750</c:v>
                </c:pt>
                <c:pt idx="357">
                  <c:v>17800</c:v>
                </c:pt>
                <c:pt idx="358">
                  <c:v>17850</c:v>
                </c:pt>
                <c:pt idx="359">
                  <c:v>17900</c:v>
                </c:pt>
                <c:pt idx="360">
                  <c:v>17950</c:v>
                </c:pt>
                <c:pt idx="361">
                  <c:v>18000</c:v>
                </c:pt>
                <c:pt idx="362">
                  <c:v>18050</c:v>
                </c:pt>
                <c:pt idx="363">
                  <c:v>18100</c:v>
                </c:pt>
                <c:pt idx="364">
                  <c:v>18150</c:v>
                </c:pt>
                <c:pt idx="365">
                  <c:v>18200</c:v>
                </c:pt>
                <c:pt idx="366">
                  <c:v>18250</c:v>
                </c:pt>
                <c:pt idx="367">
                  <c:v>18300</c:v>
                </c:pt>
                <c:pt idx="368">
                  <c:v>18350</c:v>
                </c:pt>
                <c:pt idx="369">
                  <c:v>18400</c:v>
                </c:pt>
                <c:pt idx="370">
                  <c:v>18450</c:v>
                </c:pt>
                <c:pt idx="371">
                  <c:v>18500</c:v>
                </c:pt>
                <c:pt idx="372">
                  <c:v>18550</c:v>
                </c:pt>
                <c:pt idx="373">
                  <c:v>18600</c:v>
                </c:pt>
                <c:pt idx="374">
                  <c:v>18650</c:v>
                </c:pt>
                <c:pt idx="375">
                  <c:v>18700</c:v>
                </c:pt>
                <c:pt idx="376">
                  <c:v>18750</c:v>
                </c:pt>
                <c:pt idx="377">
                  <c:v>18800</c:v>
                </c:pt>
                <c:pt idx="378">
                  <c:v>18850</c:v>
                </c:pt>
                <c:pt idx="379">
                  <c:v>18900</c:v>
                </c:pt>
                <c:pt idx="380">
                  <c:v>18950</c:v>
                </c:pt>
                <c:pt idx="381">
                  <c:v>19000</c:v>
                </c:pt>
                <c:pt idx="382">
                  <c:v>19050</c:v>
                </c:pt>
                <c:pt idx="383">
                  <c:v>19100</c:v>
                </c:pt>
                <c:pt idx="384">
                  <c:v>19150</c:v>
                </c:pt>
                <c:pt idx="385">
                  <c:v>19200</c:v>
                </c:pt>
                <c:pt idx="386">
                  <c:v>19250</c:v>
                </c:pt>
                <c:pt idx="387">
                  <c:v>19300</c:v>
                </c:pt>
                <c:pt idx="388">
                  <c:v>19350</c:v>
                </c:pt>
                <c:pt idx="389">
                  <c:v>19400</c:v>
                </c:pt>
                <c:pt idx="390">
                  <c:v>19450</c:v>
                </c:pt>
                <c:pt idx="391">
                  <c:v>19500</c:v>
                </c:pt>
                <c:pt idx="392">
                  <c:v>19550</c:v>
                </c:pt>
                <c:pt idx="393">
                  <c:v>19600</c:v>
                </c:pt>
                <c:pt idx="394">
                  <c:v>19650</c:v>
                </c:pt>
                <c:pt idx="395">
                  <c:v>19700</c:v>
                </c:pt>
                <c:pt idx="396">
                  <c:v>19750</c:v>
                </c:pt>
                <c:pt idx="397">
                  <c:v>19800</c:v>
                </c:pt>
                <c:pt idx="398">
                  <c:v>19850</c:v>
                </c:pt>
                <c:pt idx="399">
                  <c:v>19900</c:v>
                </c:pt>
                <c:pt idx="400">
                  <c:v>19950</c:v>
                </c:pt>
                <c:pt idx="402">
                  <c:v>20000</c:v>
                </c:pt>
                <c:pt idx="403">
                  <c:v>20050</c:v>
                </c:pt>
                <c:pt idx="404">
                  <c:v>20100</c:v>
                </c:pt>
                <c:pt idx="405">
                  <c:v>20150</c:v>
                </c:pt>
                <c:pt idx="406">
                  <c:v>20200</c:v>
                </c:pt>
                <c:pt idx="407">
                  <c:v>20250</c:v>
                </c:pt>
                <c:pt idx="408">
                  <c:v>20300</c:v>
                </c:pt>
                <c:pt idx="409">
                  <c:v>20350</c:v>
                </c:pt>
                <c:pt idx="410">
                  <c:v>20400</c:v>
                </c:pt>
                <c:pt idx="411">
                  <c:v>20450</c:v>
                </c:pt>
                <c:pt idx="412">
                  <c:v>20500</c:v>
                </c:pt>
                <c:pt idx="413">
                  <c:v>20550</c:v>
                </c:pt>
                <c:pt idx="414">
                  <c:v>20600</c:v>
                </c:pt>
                <c:pt idx="415">
                  <c:v>20650</c:v>
                </c:pt>
                <c:pt idx="416">
                  <c:v>20700</c:v>
                </c:pt>
                <c:pt idx="417">
                  <c:v>20750</c:v>
                </c:pt>
                <c:pt idx="418">
                  <c:v>20800</c:v>
                </c:pt>
                <c:pt idx="419">
                  <c:v>20850</c:v>
                </c:pt>
                <c:pt idx="420">
                  <c:v>20900</c:v>
                </c:pt>
                <c:pt idx="421">
                  <c:v>20950</c:v>
                </c:pt>
                <c:pt idx="422">
                  <c:v>21000</c:v>
                </c:pt>
                <c:pt idx="423">
                  <c:v>21050</c:v>
                </c:pt>
                <c:pt idx="424">
                  <c:v>20100</c:v>
                </c:pt>
                <c:pt idx="425">
                  <c:v>20150</c:v>
                </c:pt>
                <c:pt idx="426">
                  <c:v>20200</c:v>
                </c:pt>
                <c:pt idx="427">
                  <c:v>20250</c:v>
                </c:pt>
                <c:pt idx="428">
                  <c:v>20300</c:v>
                </c:pt>
                <c:pt idx="429">
                  <c:v>20350</c:v>
                </c:pt>
                <c:pt idx="430">
                  <c:v>20400</c:v>
                </c:pt>
                <c:pt idx="431">
                  <c:v>20450</c:v>
                </c:pt>
                <c:pt idx="432">
                  <c:v>20500</c:v>
                </c:pt>
                <c:pt idx="433">
                  <c:v>20550</c:v>
                </c:pt>
                <c:pt idx="434">
                  <c:v>20600</c:v>
                </c:pt>
                <c:pt idx="435">
                  <c:v>20650</c:v>
                </c:pt>
                <c:pt idx="436">
                  <c:v>20700</c:v>
                </c:pt>
                <c:pt idx="437">
                  <c:v>20750</c:v>
                </c:pt>
                <c:pt idx="438">
                  <c:v>20800</c:v>
                </c:pt>
                <c:pt idx="439">
                  <c:v>20850</c:v>
                </c:pt>
                <c:pt idx="440">
                  <c:v>20900</c:v>
                </c:pt>
                <c:pt idx="441">
                  <c:v>20950</c:v>
                </c:pt>
                <c:pt idx="442">
                  <c:v>21000</c:v>
                </c:pt>
                <c:pt idx="443">
                  <c:v>21050</c:v>
                </c:pt>
                <c:pt idx="444">
                  <c:v>21100</c:v>
                </c:pt>
                <c:pt idx="445">
                  <c:v>21150</c:v>
                </c:pt>
                <c:pt idx="446">
                  <c:v>21200</c:v>
                </c:pt>
                <c:pt idx="447">
                  <c:v>21250</c:v>
                </c:pt>
                <c:pt idx="448">
                  <c:v>21300</c:v>
                </c:pt>
                <c:pt idx="449">
                  <c:v>21350</c:v>
                </c:pt>
                <c:pt idx="450">
                  <c:v>21400</c:v>
                </c:pt>
                <c:pt idx="451">
                  <c:v>21450</c:v>
                </c:pt>
                <c:pt idx="452">
                  <c:v>21500</c:v>
                </c:pt>
                <c:pt idx="453">
                  <c:v>21550</c:v>
                </c:pt>
                <c:pt idx="454">
                  <c:v>21600</c:v>
                </c:pt>
                <c:pt idx="455">
                  <c:v>21650</c:v>
                </c:pt>
                <c:pt idx="456">
                  <c:v>21700</c:v>
                </c:pt>
                <c:pt idx="457">
                  <c:v>21750</c:v>
                </c:pt>
                <c:pt idx="458">
                  <c:v>21800</c:v>
                </c:pt>
                <c:pt idx="459">
                  <c:v>21850</c:v>
                </c:pt>
                <c:pt idx="460">
                  <c:v>21900</c:v>
                </c:pt>
                <c:pt idx="461">
                  <c:v>21950</c:v>
                </c:pt>
                <c:pt idx="462">
                  <c:v>22000</c:v>
                </c:pt>
                <c:pt idx="463">
                  <c:v>22050</c:v>
                </c:pt>
                <c:pt idx="464">
                  <c:v>22100</c:v>
                </c:pt>
                <c:pt idx="465">
                  <c:v>22150</c:v>
                </c:pt>
                <c:pt idx="466">
                  <c:v>22200</c:v>
                </c:pt>
                <c:pt idx="467">
                  <c:v>22250</c:v>
                </c:pt>
                <c:pt idx="468">
                  <c:v>22300</c:v>
                </c:pt>
                <c:pt idx="469">
                  <c:v>22350</c:v>
                </c:pt>
                <c:pt idx="470">
                  <c:v>22400</c:v>
                </c:pt>
                <c:pt idx="471">
                  <c:v>22450</c:v>
                </c:pt>
                <c:pt idx="472">
                  <c:v>22500</c:v>
                </c:pt>
                <c:pt idx="473">
                  <c:v>22550</c:v>
                </c:pt>
                <c:pt idx="474">
                  <c:v>22600</c:v>
                </c:pt>
                <c:pt idx="475">
                  <c:v>22650</c:v>
                </c:pt>
                <c:pt idx="476">
                  <c:v>22700</c:v>
                </c:pt>
                <c:pt idx="477">
                  <c:v>22750</c:v>
                </c:pt>
                <c:pt idx="478">
                  <c:v>22800</c:v>
                </c:pt>
                <c:pt idx="479">
                  <c:v>22850</c:v>
                </c:pt>
                <c:pt idx="480">
                  <c:v>22900</c:v>
                </c:pt>
                <c:pt idx="481">
                  <c:v>22950</c:v>
                </c:pt>
                <c:pt idx="482">
                  <c:v>23000</c:v>
                </c:pt>
                <c:pt idx="483">
                  <c:v>23050</c:v>
                </c:pt>
                <c:pt idx="484">
                  <c:v>23100</c:v>
                </c:pt>
                <c:pt idx="485">
                  <c:v>23150</c:v>
                </c:pt>
                <c:pt idx="486">
                  <c:v>23200</c:v>
                </c:pt>
                <c:pt idx="487">
                  <c:v>23250</c:v>
                </c:pt>
                <c:pt idx="488">
                  <c:v>23300</c:v>
                </c:pt>
                <c:pt idx="489">
                  <c:v>23350</c:v>
                </c:pt>
                <c:pt idx="490">
                  <c:v>23400</c:v>
                </c:pt>
                <c:pt idx="491">
                  <c:v>23450</c:v>
                </c:pt>
                <c:pt idx="492">
                  <c:v>23500</c:v>
                </c:pt>
                <c:pt idx="493">
                  <c:v>23550</c:v>
                </c:pt>
                <c:pt idx="494">
                  <c:v>23600</c:v>
                </c:pt>
                <c:pt idx="495">
                  <c:v>23650</c:v>
                </c:pt>
                <c:pt idx="496">
                  <c:v>23700</c:v>
                </c:pt>
                <c:pt idx="497">
                  <c:v>23750</c:v>
                </c:pt>
                <c:pt idx="498">
                  <c:v>23800</c:v>
                </c:pt>
                <c:pt idx="499">
                  <c:v>23850</c:v>
                </c:pt>
                <c:pt idx="500">
                  <c:v>23900</c:v>
                </c:pt>
                <c:pt idx="501">
                  <c:v>23950</c:v>
                </c:pt>
                <c:pt idx="502">
                  <c:v>24000</c:v>
                </c:pt>
                <c:pt idx="503">
                  <c:v>24050</c:v>
                </c:pt>
                <c:pt idx="504">
                  <c:v>24100</c:v>
                </c:pt>
                <c:pt idx="505">
                  <c:v>24150</c:v>
                </c:pt>
                <c:pt idx="506">
                  <c:v>24200</c:v>
                </c:pt>
                <c:pt idx="507">
                  <c:v>24250</c:v>
                </c:pt>
                <c:pt idx="508">
                  <c:v>24300</c:v>
                </c:pt>
                <c:pt idx="509">
                  <c:v>24350</c:v>
                </c:pt>
                <c:pt idx="510">
                  <c:v>24400</c:v>
                </c:pt>
                <c:pt idx="511">
                  <c:v>24450</c:v>
                </c:pt>
                <c:pt idx="512">
                  <c:v>24500</c:v>
                </c:pt>
                <c:pt idx="513">
                  <c:v>24550</c:v>
                </c:pt>
                <c:pt idx="514">
                  <c:v>24600</c:v>
                </c:pt>
                <c:pt idx="515">
                  <c:v>24650</c:v>
                </c:pt>
                <c:pt idx="516">
                  <c:v>24700</c:v>
                </c:pt>
                <c:pt idx="517">
                  <c:v>24750</c:v>
                </c:pt>
                <c:pt idx="518">
                  <c:v>24800</c:v>
                </c:pt>
                <c:pt idx="519">
                  <c:v>24850</c:v>
                </c:pt>
                <c:pt idx="520">
                  <c:v>24900</c:v>
                </c:pt>
                <c:pt idx="521">
                  <c:v>24950</c:v>
                </c:pt>
                <c:pt idx="522">
                  <c:v>25000</c:v>
                </c:pt>
                <c:pt idx="523">
                  <c:v>25050</c:v>
                </c:pt>
                <c:pt idx="524">
                  <c:v>25100</c:v>
                </c:pt>
                <c:pt idx="525">
                  <c:v>25150</c:v>
                </c:pt>
                <c:pt idx="526">
                  <c:v>25200</c:v>
                </c:pt>
                <c:pt idx="527">
                  <c:v>25250</c:v>
                </c:pt>
                <c:pt idx="528">
                  <c:v>25300</c:v>
                </c:pt>
                <c:pt idx="529">
                  <c:v>25350</c:v>
                </c:pt>
                <c:pt idx="530">
                  <c:v>25400</c:v>
                </c:pt>
                <c:pt idx="531">
                  <c:v>25450</c:v>
                </c:pt>
                <c:pt idx="532">
                  <c:v>25500</c:v>
                </c:pt>
                <c:pt idx="533">
                  <c:v>25550</c:v>
                </c:pt>
                <c:pt idx="534">
                  <c:v>25600</c:v>
                </c:pt>
                <c:pt idx="535">
                  <c:v>25650</c:v>
                </c:pt>
                <c:pt idx="536">
                  <c:v>25700</c:v>
                </c:pt>
                <c:pt idx="537">
                  <c:v>25750</c:v>
                </c:pt>
                <c:pt idx="538">
                  <c:v>25800</c:v>
                </c:pt>
                <c:pt idx="539">
                  <c:v>25850</c:v>
                </c:pt>
                <c:pt idx="540">
                  <c:v>25900</c:v>
                </c:pt>
                <c:pt idx="541">
                  <c:v>25950</c:v>
                </c:pt>
                <c:pt idx="542">
                  <c:v>26000</c:v>
                </c:pt>
                <c:pt idx="543">
                  <c:v>26050</c:v>
                </c:pt>
                <c:pt idx="544">
                  <c:v>26100</c:v>
                </c:pt>
                <c:pt idx="545">
                  <c:v>26150</c:v>
                </c:pt>
                <c:pt idx="546">
                  <c:v>26200</c:v>
                </c:pt>
                <c:pt idx="547">
                  <c:v>26250</c:v>
                </c:pt>
                <c:pt idx="548">
                  <c:v>26300</c:v>
                </c:pt>
                <c:pt idx="549">
                  <c:v>26350</c:v>
                </c:pt>
                <c:pt idx="550">
                  <c:v>26400</c:v>
                </c:pt>
                <c:pt idx="551">
                  <c:v>26450</c:v>
                </c:pt>
                <c:pt idx="552">
                  <c:v>26500</c:v>
                </c:pt>
                <c:pt idx="553">
                  <c:v>26550</c:v>
                </c:pt>
                <c:pt idx="554">
                  <c:v>26600</c:v>
                </c:pt>
                <c:pt idx="555">
                  <c:v>26650</c:v>
                </c:pt>
                <c:pt idx="556">
                  <c:v>26700</c:v>
                </c:pt>
                <c:pt idx="557">
                  <c:v>26750</c:v>
                </c:pt>
                <c:pt idx="558">
                  <c:v>26800</c:v>
                </c:pt>
                <c:pt idx="559">
                  <c:v>26850</c:v>
                </c:pt>
                <c:pt idx="560">
                  <c:v>26900</c:v>
                </c:pt>
                <c:pt idx="561">
                  <c:v>26950</c:v>
                </c:pt>
                <c:pt idx="562">
                  <c:v>27000</c:v>
                </c:pt>
                <c:pt idx="563">
                  <c:v>27050</c:v>
                </c:pt>
                <c:pt idx="564">
                  <c:v>27100</c:v>
                </c:pt>
                <c:pt idx="565">
                  <c:v>27150</c:v>
                </c:pt>
                <c:pt idx="566">
                  <c:v>27200</c:v>
                </c:pt>
                <c:pt idx="567">
                  <c:v>27250</c:v>
                </c:pt>
                <c:pt idx="568">
                  <c:v>27300</c:v>
                </c:pt>
                <c:pt idx="569">
                  <c:v>27350</c:v>
                </c:pt>
                <c:pt idx="570">
                  <c:v>27400</c:v>
                </c:pt>
                <c:pt idx="571">
                  <c:v>27450</c:v>
                </c:pt>
                <c:pt idx="572">
                  <c:v>27500</c:v>
                </c:pt>
                <c:pt idx="573">
                  <c:v>27550</c:v>
                </c:pt>
                <c:pt idx="574">
                  <c:v>27600</c:v>
                </c:pt>
                <c:pt idx="575">
                  <c:v>27650</c:v>
                </c:pt>
                <c:pt idx="576">
                  <c:v>27700</c:v>
                </c:pt>
                <c:pt idx="577">
                  <c:v>27750</c:v>
                </c:pt>
                <c:pt idx="578">
                  <c:v>27800</c:v>
                </c:pt>
                <c:pt idx="579">
                  <c:v>27850</c:v>
                </c:pt>
                <c:pt idx="580">
                  <c:v>27900</c:v>
                </c:pt>
                <c:pt idx="581">
                  <c:v>27950</c:v>
                </c:pt>
                <c:pt idx="582">
                  <c:v>28000</c:v>
                </c:pt>
                <c:pt idx="583">
                  <c:v>28050</c:v>
                </c:pt>
                <c:pt idx="584">
                  <c:v>28100</c:v>
                </c:pt>
                <c:pt idx="585">
                  <c:v>28150</c:v>
                </c:pt>
                <c:pt idx="586">
                  <c:v>28200</c:v>
                </c:pt>
                <c:pt idx="587">
                  <c:v>28250</c:v>
                </c:pt>
                <c:pt idx="588">
                  <c:v>28300</c:v>
                </c:pt>
                <c:pt idx="589">
                  <c:v>28350</c:v>
                </c:pt>
                <c:pt idx="590">
                  <c:v>28400</c:v>
                </c:pt>
                <c:pt idx="591">
                  <c:v>28450</c:v>
                </c:pt>
                <c:pt idx="592">
                  <c:v>28500</c:v>
                </c:pt>
                <c:pt idx="593">
                  <c:v>28550</c:v>
                </c:pt>
                <c:pt idx="594">
                  <c:v>28600</c:v>
                </c:pt>
                <c:pt idx="595">
                  <c:v>28650</c:v>
                </c:pt>
                <c:pt idx="596">
                  <c:v>28700</c:v>
                </c:pt>
                <c:pt idx="597">
                  <c:v>28750</c:v>
                </c:pt>
                <c:pt idx="598">
                  <c:v>28800</c:v>
                </c:pt>
                <c:pt idx="599">
                  <c:v>28850</c:v>
                </c:pt>
                <c:pt idx="600">
                  <c:v>28900</c:v>
                </c:pt>
                <c:pt idx="601">
                  <c:v>28950</c:v>
                </c:pt>
                <c:pt idx="602">
                  <c:v>29000</c:v>
                </c:pt>
                <c:pt idx="603">
                  <c:v>29050</c:v>
                </c:pt>
                <c:pt idx="604">
                  <c:v>29100</c:v>
                </c:pt>
                <c:pt idx="605">
                  <c:v>29150</c:v>
                </c:pt>
                <c:pt idx="606">
                  <c:v>29200</c:v>
                </c:pt>
                <c:pt idx="607">
                  <c:v>29250</c:v>
                </c:pt>
                <c:pt idx="608">
                  <c:v>29300</c:v>
                </c:pt>
                <c:pt idx="609">
                  <c:v>29350</c:v>
                </c:pt>
                <c:pt idx="610">
                  <c:v>29400</c:v>
                </c:pt>
                <c:pt idx="611">
                  <c:v>29450</c:v>
                </c:pt>
                <c:pt idx="612">
                  <c:v>29500</c:v>
                </c:pt>
                <c:pt idx="613">
                  <c:v>29550</c:v>
                </c:pt>
                <c:pt idx="614">
                  <c:v>29600</c:v>
                </c:pt>
                <c:pt idx="615">
                  <c:v>29650</c:v>
                </c:pt>
                <c:pt idx="616">
                  <c:v>29700</c:v>
                </c:pt>
                <c:pt idx="617">
                  <c:v>29750</c:v>
                </c:pt>
                <c:pt idx="618">
                  <c:v>29800</c:v>
                </c:pt>
                <c:pt idx="619">
                  <c:v>29850</c:v>
                </c:pt>
                <c:pt idx="620">
                  <c:v>29900</c:v>
                </c:pt>
                <c:pt idx="621">
                  <c:v>29950</c:v>
                </c:pt>
                <c:pt idx="622">
                  <c:v>30000</c:v>
                </c:pt>
                <c:pt idx="623">
                  <c:v>30050</c:v>
                </c:pt>
                <c:pt idx="624">
                  <c:v>30100</c:v>
                </c:pt>
                <c:pt idx="625">
                  <c:v>30150</c:v>
                </c:pt>
                <c:pt idx="626">
                  <c:v>30200</c:v>
                </c:pt>
                <c:pt idx="627">
                  <c:v>30250</c:v>
                </c:pt>
                <c:pt idx="628">
                  <c:v>30300</c:v>
                </c:pt>
                <c:pt idx="629">
                  <c:v>30350</c:v>
                </c:pt>
                <c:pt idx="630">
                  <c:v>30400</c:v>
                </c:pt>
                <c:pt idx="631">
                  <c:v>30450</c:v>
                </c:pt>
                <c:pt idx="632">
                  <c:v>30500</c:v>
                </c:pt>
                <c:pt idx="633">
                  <c:v>30550</c:v>
                </c:pt>
                <c:pt idx="634">
                  <c:v>30600</c:v>
                </c:pt>
                <c:pt idx="635">
                  <c:v>30650</c:v>
                </c:pt>
                <c:pt idx="636">
                  <c:v>30700</c:v>
                </c:pt>
                <c:pt idx="637">
                  <c:v>30750</c:v>
                </c:pt>
                <c:pt idx="638">
                  <c:v>30800</c:v>
                </c:pt>
                <c:pt idx="639">
                  <c:v>30850</c:v>
                </c:pt>
                <c:pt idx="640">
                  <c:v>30900</c:v>
                </c:pt>
                <c:pt idx="641">
                  <c:v>30950</c:v>
                </c:pt>
                <c:pt idx="642">
                  <c:v>31000</c:v>
                </c:pt>
                <c:pt idx="643">
                  <c:v>31050</c:v>
                </c:pt>
                <c:pt idx="644">
                  <c:v>31100</c:v>
                </c:pt>
                <c:pt idx="645">
                  <c:v>31150</c:v>
                </c:pt>
                <c:pt idx="646">
                  <c:v>31200</c:v>
                </c:pt>
                <c:pt idx="647">
                  <c:v>31250</c:v>
                </c:pt>
                <c:pt idx="648">
                  <c:v>31300</c:v>
                </c:pt>
                <c:pt idx="649">
                  <c:v>31350</c:v>
                </c:pt>
                <c:pt idx="650">
                  <c:v>31400</c:v>
                </c:pt>
                <c:pt idx="651">
                  <c:v>31450</c:v>
                </c:pt>
                <c:pt idx="652">
                  <c:v>31500</c:v>
                </c:pt>
                <c:pt idx="653">
                  <c:v>31550</c:v>
                </c:pt>
                <c:pt idx="654">
                  <c:v>31600</c:v>
                </c:pt>
                <c:pt idx="655">
                  <c:v>31650</c:v>
                </c:pt>
                <c:pt idx="656">
                  <c:v>31700</c:v>
                </c:pt>
                <c:pt idx="657">
                  <c:v>31750</c:v>
                </c:pt>
                <c:pt idx="658">
                  <c:v>31800</c:v>
                </c:pt>
                <c:pt idx="659">
                  <c:v>31850</c:v>
                </c:pt>
                <c:pt idx="660">
                  <c:v>31900</c:v>
                </c:pt>
                <c:pt idx="661">
                  <c:v>31950</c:v>
                </c:pt>
                <c:pt idx="662">
                  <c:v>32000</c:v>
                </c:pt>
                <c:pt idx="663">
                  <c:v>32050</c:v>
                </c:pt>
                <c:pt idx="664">
                  <c:v>32100</c:v>
                </c:pt>
                <c:pt idx="665">
                  <c:v>32150</c:v>
                </c:pt>
                <c:pt idx="666">
                  <c:v>32200</c:v>
                </c:pt>
                <c:pt idx="667">
                  <c:v>32250</c:v>
                </c:pt>
                <c:pt idx="668">
                  <c:v>32300</c:v>
                </c:pt>
                <c:pt idx="669">
                  <c:v>32350</c:v>
                </c:pt>
                <c:pt idx="670">
                  <c:v>32400</c:v>
                </c:pt>
                <c:pt idx="671">
                  <c:v>32450</c:v>
                </c:pt>
                <c:pt idx="672">
                  <c:v>32500</c:v>
                </c:pt>
                <c:pt idx="673">
                  <c:v>32550</c:v>
                </c:pt>
                <c:pt idx="674">
                  <c:v>32600</c:v>
                </c:pt>
                <c:pt idx="675">
                  <c:v>32650</c:v>
                </c:pt>
                <c:pt idx="676">
                  <c:v>32700</c:v>
                </c:pt>
                <c:pt idx="677">
                  <c:v>32750</c:v>
                </c:pt>
                <c:pt idx="678">
                  <c:v>32800</c:v>
                </c:pt>
                <c:pt idx="679">
                  <c:v>32850</c:v>
                </c:pt>
                <c:pt idx="680">
                  <c:v>32900</c:v>
                </c:pt>
                <c:pt idx="681">
                  <c:v>32950</c:v>
                </c:pt>
                <c:pt idx="682">
                  <c:v>33000</c:v>
                </c:pt>
                <c:pt idx="683">
                  <c:v>33050</c:v>
                </c:pt>
                <c:pt idx="684">
                  <c:v>33100</c:v>
                </c:pt>
                <c:pt idx="685">
                  <c:v>33150</c:v>
                </c:pt>
                <c:pt idx="686">
                  <c:v>33200</c:v>
                </c:pt>
                <c:pt idx="687">
                  <c:v>33250</c:v>
                </c:pt>
                <c:pt idx="688">
                  <c:v>33300</c:v>
                </c:pt>
                <c:pt idx="689">
                  <c:v>33350</c:v>
                </c:pt>
                <c:pt idx="690">
                  <c:v>33400</c:v>
                </c:pt>
                <c:pt idx="691">
                  <c:v>33450</c:v>
                </c:pt>
                <c:pt idx="692">
                  <c:v>33500</c:v>
                </c:pt>
                <c:pt idx="693">
                  <c:v>33550</c:v>
                </c:pt>
                <c:pt idx="694">
                  <c:v>33600</c:v>
                </c:pt>
                <c:pt idx="695">
                  <c:v>33650</c:v>
                </c:pt>
                <c:pt idx="696">
                  <c:v>33700</c:v>
                </c:pt>
                <c:pt idx="697">
                  <c:v>33750</c:v>
                </c:pt>
                <c:pt idx="698">
                  <c:v>33800</c:v>
                </c:pt>
                <c:pt idx="699">
                  <c:v>33850</c:v>
                </c:pt>
                <c:pt idx="700">
                  <c:v>33900</c:v>
                </c:pt>
                <c:pt idx="701">
                  <c:v>33950</c:v>
                </c:pt>
                <c:pt idx="702">
                  <c:v>34000</c:v>
                </c:pt>
                <c:pt idx="703">
                  <c:v>34050</c:v>
                </c:pt>
                <c:pt idx="704">
                  <c:v>34100</c:v>
                </c:pt>
                <c:pt idx="705">
                  <c:v>34150</c:v>
                </c:pt>
                <c:pt idx="706">
                  <c:v>34200</c:v>
                </c:pt>
                <c:pt idx="707">
                  <c:v>34250</c:v>
                </c:pt>
                <c:pt idx="708">
                  <c:v>34300</c:v>
                </c:pt>
                <c:pt idx="709">
                  <c:v>34350</c:v>
                </c:pt>
                <c:pt idx="710">
                  <c:v>34400</c:v>
                </c:pt>
                <c:pt idx="711">
                  <c:v>34450</c:v>
                </c:pt>
                <c:pt idx="712">
                  <c:v>34500</c:v>
                </c:pt>
                <c:pt idx="713">
                  <c:v>34550</c:v>
                </c:pt>
                <c:pt idx="714">
                  <c:v>34600</c:v>
                </c:pt>
                <c:pt idx="715">
                  <c:v>34650</c:v>
                </c:pt>
                <c:pt idx="716">
                  <c:v>34700</c:v>
                </c:pt>
                <c:pt idx="717">
                  <c:v>34750</c:v>
                </c:pt>
                <c:pt idx="718">
                  <c:v>34800</c:v>
                </c:pt>
                <c:pt idx="719">
                  <c:v>34850</c:v>
                </c:pt>
                <c:pt idx="720">
                  <c:v>34900</c:v>
                </c:pt>
                <c:pt idx="721">
                  <c:v>34950</c:v>
                </c:pt>
                <c:pt idx="722">
                  <c:v>35000</c:v>
                </c:pt>
                <c:pt idx="723">
                  <c:v>35050</c:v>
                </c:pt>
                <c:pt idx="724">
                  <c:v>35100</c:v>
                </c:pt>
                <c:pt idx="725">
                  <c:v>35150</c:v>
                </c:pt>
                <c:pt idx="726">
                  <c:v>35200</c:v>
                </c:pt>
                <c:pt idx="727">
                  <c:v>35250</c:v>
                </c:pt>
                <c:pt idx="728">
                  <c:v>35300</c:v>
                </c:pt>
                <c:pt idx="729">
                  <c:v>35350</c:v>
                </c:pt>
                <c:pt idx="730">
                  <c:v>35400</c:v>
                </c:pt>
                <c:pt idx="731">
                  <c:v>35450</c:v>
                </c:pt>
                <c:pt idx="732">
                  <c:v>35500</c:v>
                </c:pt>
                <c:pt idx="733">
                  <c:v>35550</c:v>
                </c:pt>
                <c:pt idx="734">
                  <c:v>35600</c:v>
                </c:pt>
                <c:pt idx="735">
                  <c:v>35650</c:v>
                </c:pt>
                <c:pt idx="736">
                  <c:v>35700</c:v>
                </c:pt>
                <c:pt idx="737">
                  <c:v>35750</c:v>
                </c:pt>
                <c:pt idx="738">
                  <c:v>35800</c:v>
                </c:pt>
                <c:pt idx="739">
                  <c:v>35850</c:v>
                </c:pt>
                <c:pt idx="740">
                  <c:v>35900</c:v>
                </c:pt>
                <c:pt idx="741">
                  <c:v>35950</c:v>
                </c:pt>
                <c:pt idx="742">
                  <c:v>36000</c:v>
                </c:pt>
                <c:pt idx="743">
                  <c:v>36050</c:v>
                </c:pt>
                <c:pt idx="744">
                  <c:v>36100</c:v>
                </c:pt>
                <c:pt idx="745">
                  <c:v>36150</c:v>
                </c:pt>
                <c:pt idx="746">
                  <c:v>36200</c:v>
                </c:pt>
                <c:pt idx="747">
                  <c:v>36250</c:v>
                </c:pt>
                <c:pt idx="748">
                  <c:v>36300</c:v>
                </c:pt>
                <c:pt idx="749">
                  <c:v>36350</c:v>
                </c:pt>
                <c:pt idx="750">
                  <c:v>36400</c:v>
                </c:pt>
                <c:pt idx="751">
                  <c:v>36450</c:v>
                </c:pt>
                <c:pt idx="752">
                  <c:v>36500</c:v>
                </c:pt>
                <c:pt idx="753">
                  <c:v>36550</c:v>
                </c:pt>
                <c:pt idx="754">
                  <c:v>36600</c:v>
                </c:pt>
                <c:pt idx="755">
                  <c:v>36650</c:v>
                </c:pt>
                <c:pt idx="756">
                  <c:v>36700</c:v>
                </c:pt>
                <c:pt idx="757">
                  <c:v>36750</c:v>
                </c:pt>
                <c:pt idx="758">
                  <c:v>36800</c:v>
                </c:pt>
                <c:pt idx="759">
                  <c:v>36850</c:v>
                </c:pt>
                <c:pt idx="760">
                  <c:v>36900</c:v>
                </c:pt>
                <c:pt idx="761">
                  <c:v>36950</c:v>
                </c:pt>
                <c:pt idx="762">
                  <c:v>37000</c:v>
                </c:pt>
                <c:pt idx="763">
                  <c:v>37050</c:v>
                </c:pt>
                <c:pt idx="764">
                  <c:v>37100</c:v>
                </c:pt>
                <c:pt idx="765">
                  <c:v>37150</c:v>
                </c:pt>
                <c:pt idx="766">
                  <c:v>37200</c:v>
                </c:pt>
                <c:pt idx="767">
                  <c:v>37250</c:v>
                </c:pt>
                <c:pt idx="768">
                  <c:v>37300</c:v>
                </c:pt>
                <c:pt idx="769">
                  <c:v>37350</c:v>
                </c:pt>
                <c:pt idx="770">
                  <c:v>37400</c:v>
                </c:pt>
                <c:pt idx="771">
                  <c:v>37450</c:v>
                </c:pt>
                <c:pt idx="772">
                  <c:v>37500</c:v>
                </c:pt>
                <c:pt idx="773">
                  <c:v>37550</c:v>
                </c:pt>
                <c:pt idx="774">
                  <c:v>37600</c:v>
                </c:pt>
                <c:pt idx="775">
                  <c:v>37650</c:v>
                </c:pt>
                <c:pt idx="776">
                  <c:v>37700</c:v>
                </c:pt>
                <c:pt idx="777">
                  <c:v>37750</c:v>
                </c:pt>
                <c:pt idx="778">
                  <c:v>37800</c:v>
                </c:pt>
                <c:pt idx="779">
                  <c:v>37850</c:v>
                </c:pt>
                <c:pt idx="780">
                  <c:v>37900</c:v>
                </c:pt>
                <c:pt idx="781">
                  <c:v>37950</c:v>
                </c:pt>
                <c:pt idx="782">
                  <c:v>38000</c:v>
                </c:pt>
                <c:pt idx="783">
                  <c:v>38050</c:v>
                </c:pt>
                <c:pt idx="784">
                  <c:v>38100</c:v>
                </c:pt>
                <c:pt idx="785">
                  <c:v>38150</c:v>
                </c:pt>
                <c:pt idx="786">
                  <c:v>38200</c:v>
                </c:pt>
                <c:pt idx="787">
                  <c:v>38250</c:v>
                </c:pt>
                <c:pt idx="788">
                  <c:v>38300</c:v>
                </c:pt>
                <c:pt idx="789">
                  <c:v>38350</c:v>
                </c:pt>
                <c:pt idx="790">
                  <c:v>38400</c:v>
                </c:pt>
                <c:pt idx="791">
                  <c:v>38450</c:v>
                </c:pt>
                <c:pt idx="792">
                  <c:v>38500</c:v>
                </c:pt>
                <c:pt idx="793">
                  <c:v>38550</c:v>
                </c:pt>
                <c:pt idx="794">
                  <c:v>38600</c:v>
                </c:pt>
                <c:pt idx="795">
                  <c:v>38650</c:v>
                </c:pt>
                <c:pt idx="796">
                  <c:v>38700</c:v>
                </c:pt>
                <c:pt idx="797">
                  <c:v>38750</c:v>
                </c:pt>
                <c:pt idx="798">
                  <c:v>38800</c:v>
                </c:pt>
                <c:pt idx="799">
                  <c:v>38850</c:v>
                </c:pt>
                <c:pt idx="800">
                  <c:v>38900</c:v>
                </c:pt>
                <c:pt idx="801">
                  <c:v>38950</c:v>
                </c:pt>
                <c:pt idx="802">
                  <c:v>39000</c:v>
                </c:pt>
                <c:pt idx="803">
                  <c:v>39050</c:v>
                </c:pt>
                <c:pt idx="804">
                  <c:v>39100</c:v>
                </c:pt>
                <c:pt idx="805">
                  <c:v>39150</c:v>
                </c:pt>
                <c:pt idx="806">
                  <c:v>39200</c:v>
                </c:pt>
                <c:pt idx="807">
                  <c:v>39250</c:v>
                </c:pt>
                <c:pt idx="808">
                  <c:v>39300</c:v>
                </c:pt>
                <c:pt idx="809">
                  <c:v>39350</c:v>
                </c:pt>
                <c:pt idx="810">
                  <c:v>39400</c:v>
                </c:pt>
                <c:pt idx="811">
                  <c:v>39450</c:v>
                </c:pt>
                <c:pt idx="812">
                  <c:v>39500</c:v>
                </c:pt>
                <c:pt idx="813">
                  <c:v>39550</c:v>
                </c:pt>
                <c:pt idx="814">
                  <c:v>39600</c:v>
                </c:pt>
                <c:pt idx="815">
                  <c:v>39650</c:v>
                </c:pt>
                <c:pt idx="816">
                  <c:v>39700</c:v>
                </c:pt>
                <c:pt idx="817">
                  <c:v>39750</c:v>
                </c:pt>
                <c:pt idx="818">
                  <c:v>39800</c:v>
                </c:pt>
                <c:pt idx="819">
                  <c:v>39850</c:v>
                </c:pt>
                <c:pt idx="820">
                  <c:v>39900</c:v>
                </c:pt>
                <c:pt idx="821">
                  <c:v>39950</c:v>
                </c:pt>
                <c:pt idx="823">
                  <c:v>40000</c:v>
                </c:pt>
                <c:pt idx="824">
                  <c:v>40050</c:v>
                </c:pt>
                <c:pt idx="825">
                  <c:v>40100</c:v>
                </c:pt>
                <c:pt idx="826">
                  <c:v>40150</c:v>
                </c:pt>
                <c:pt idx="827">
                  <c:v>40200</c:v>
                </c:pt>
                <c:pt idx="828">
                  <c:v>40250</c:v>
                </c:pt>
                <c:pt idx="829">
                  <c:v>40300</c:v>
                </c:pt>
                <c:pt idx="830">
                  <c:v>40350</c:v>
                </c:pt>
                <c:pt idx="831">
                  <c:v>40400</c:v>
                </c:pt>
                <c:pt idx="832">
                  <c:v>40450</c:v>
                </c:pt>
                <c:pt idx="833">
                  <c:v>40500</c:v>
                </c:pt>
                <c:pt idx="834">
                  <c:v>40550</c:v>
                </c:pt>
                <c:pt idx="835">
                  <c:v>40600</c:v>
                </c:pt>
                <c:pt idx="836">
                  <c:v>40650</c:v>
                </c:pt>
                <c:pt idx="837">
                  <c:v>40700</c:v>
                </c:pt>
                <c:pt idx="838">
                  <c:v>40750</c:v>
                </c:pt>
                <c:pt idx="839">
                  <c:v>40800</c:v>
                </c:pt>
                <c:pt idx="840">
                  <c:v>40850</c:v>
                </c:pt>
                <c:pt idx="841">
                  <c:v>40900</c:v>
                </c:pt>
                <c:pt idx="842">
                  <c:v>40950</c:v>
                </c:pt>
                <c:pt idx="843">
                  <c:v>41000</c:v>
                </c:pt>
                <c:pt idx="844">
                  <c:v>41050</c:v>
                </c:pt>
                <c:pt idx="845">
                  <c:v>41100</c:v>
                </c:pt>
                <c:pt idx="846">
                  <c:v>41150</c:v>
                </c:pt>
                <c:pt idx="847">
                  <c:v>41200</c:v>
                </c:pt>
                <c:pt idx="848">
                  <c:v>41250</c:v>
                </c:pt>
                <c:pt idx="849">
                  <c:v>41300</c:v>
                </c:pt>
                <c:pt idx="850">
                  <c:v>41350</c:v>
                </c:pt>
                <c:pt idx="851">
                  <c:v>41400</c:v>
                </c:pt>
                <c:pt idx="852">
                  <c:v>41450</c:v>
                </c:pt>
                <c:pt idx="853">
                  <c:v>41500</c:v>
                </c:pt>
                <c:pt idx="854">
                  <c:v>41550</c:v>
                </c:pt>
                <c:pt idx="855">
                  <c:v>41600</c:v>
                </c:pt>
                <c:pt idx="856">
                  <c:v>41650</c:v>
                </c:pt>
                <c:pt idx="857">
                  <c:v>41700</c:v>
                </c:pt>
                <c:pt idx="858">
                  <c:v>41750</c:v>
                </c:pt>
                <c:pt idx="859">
                  <c:v>41800</c:v>
                </c:pt>
                <c:pt idx="860">
                  <c:v>41850</c:v>
                </c:pt>
                <c:pt idx="861">
                  <c:v>41900</c:v>
                </c:pt>
                <c:pt idx="862">
                  <c:v>41950</c:v>
                </c:pt>
                <c:pt idx="863">
                  <c:v>42000</c:v>
                </c:pt>
                <c:pt idx="864">
                  <c:v>42050</c:v>
                </c:pt>
                <c:pt idx="865">
                  <c:v>42100</c:v>
                </c:pt>
                <c:pt idx="866">
                  <c:v>42150</c:v>
                </c:pt>
                <c:pt idx="867">
                  <c:v>42200</c:v>
                </c:pt>
                <c:pt idx="868">
                  <c:v>42250</c:v>
                </c:pt>
                <c:pt idx="869">
                  <c:v>42300</c:v>
                </c:pt>
                <c:pt idx="870">
                  <c:v>42350</c:v>
                </c:pt>
                <c:pt idx="871">
                  <c:v>42400</c:v>
                </c:pt>
                <c:pt idx="872">
                  <c:v>42450</c:v>
                </c:pt>
                <c:pt idx="873">
                  <c:v>42500</c:v>
                </c:pt>
                <c:pt idx="874">
                  <c:v>42550</c:v>
                </c:pt>
                <c:pt idx="875">
                  <c:v>42600</c:v>
                </c:pt>
                <c:pt idx="876">
                  <c:v>42650</c:v>
                </c:pt>
                <c:pt idx="877">
                  <c:v>42700</c:v>
                </c:pt>
                <c:pt idx="878">
                  <c:v>42750</c:v>
                </c:pt>
                <c:pt idx="879">
                  <c:v>42800</c:v>
                </c:pt>
                <c:pt idx="880">
                  <c:v>42850</c:v>
                </c:pt>
                <c:pt idx="881">
                  <c:v>42900</c:v>
                </c:pt>
                <c:pt idx="882">
                  <c:v>42950</c:v>
                </c:pt>
                <c:pt idx="883">
                  <c:v>43000</c:v>
                </c:pt>
                <c:pt idx="884">
                  <c:v>43050</c:v>
                </c:pt>
                <c:pt idx="885">
                  <c:v>43100</c:v>
                </c:pt>
                <c:pt idx="886">
                  <c:v>43150</c:v>
                </c:pt>
                <c:pt idx="887">
                  <c:v>43200</c:v>
                </c:pt>
                <c:pt idx="888">
                  <c:v>43250</c:v>
                </c:pt>
                <c:pt idx="889">
                  <c:v>43300</c:v>
                </c:pt>
                <c:pt idx="890">
                  <c:v>43350</c:v>
                </c:pt>
                <c:pt idx="891">
                  <c:v>43400</c:v>
                </c:pt>
                <c:pt idx="892">
                  <c:v>43450</c:v>
                </c:pt>
                <c:pt idx="893">
                  <c:v>43500</c:v>
                </c:pt>
                <c:pt idx="894">
                  <c:v>43550</c:v>
                </c:pt>
                <c:pt idx="895">
                  <c:v>43600</c:v>
                </c:pt>
                <c:pt idx="896">
                  <c:v>43650</c:v>
                </c:pt>
                <c:pt idx="897">
                  <c:v>43700</c:v>
                </c:pt>
                <c:pt idx="898">
                  <c:v>43750</c:v>
                </c:pt>
                <c:pt idx="899">
                  <c:v>43800</c:v>
                </c:pt>
                <c:pt idx="900">
                  <c:v>43850</c:v>
                </c:pt>
                <c:pt idx="901">
                  <c:v>43900</c:v>
                </c:pt>
                <c:pt idx="902">
                  <c:v>43950</c:v>
                </c:pt>
                <c:pt idx="903">
                  <c:v>44000</c:v>
                </c:pt>
                <c:pt idx="904">
                  <c:v>44050</c:v>
                </c:pt>
                <c:pt idx="905">
                  <c:v>44100</c:v>
                </c:pt>
                <c:pt idx="906">
                  <c:v>44150</c:v>
                </c:pt>
                <c:pt idx="907">
                  <c:v>44200</c:v>
                </c:pt>
                <c:pt idx="908">
                  <c:v>44250</c:v>
                </c:pt>
                <c:pt idx="909">
                  <c:v>44300</c:v>
                </c:pt>
                <c:pt idx="910">
                  <c:v>44350</c:v>
                </c:pt>
                <c:pt idx="911">
                  <c:v>44400</c:v>
                </c:pt>
                <c:pt idx="912">
                  <c:v>44450</c:v>
                </c:pt>
                <c:pt idx="913">
                  <c:v>44500</c:v>
                </c:pt>
                <c:pt idx="914">
                  <c:v>44550</c:v>
                </c:pt>
                <c:pt idx="915">
                  <c:v>44600</c:v>
                </c:pt>
                <c:pt idx="916">
                  <c:v>44650</c:v>
                </c:pt>
                <c:pt idx="917">
                  <c:v>44700</c:v>
                </c:pt>
                <c:pt idx="918">
                  <c:v>44750</c:v>
                </c:pt>
                <c:pt idx="919">
                  <c:v>44800</c:v>
                </c:pt>
                <c:pt idx="920">
                  <c:v>44850</c:v>
                </c:pt>
                <c:pt idx="921">
                  <c:v>44900</c:v>
                </c:pt>
                <c:pt idx="922">
                  <c:v>44950</c:v>
                </c:pt>
                <c:pt idx="923">
                  <c:v>45000</c:v>
                </c:pt>
                <c:pt idx="924">
                  <c:v>45050</c:v>
                </c:pt>
                <c:pt idx="925">
                  <c:v>45100</c:v>
                </c:pt>
                <c:pt idx="926">
                  <c:v>45150</c:v>
                </c:pt>
                <c:pt idx="927">
                  <c:v>45200</c:v>
                </c:pt>
                <c:pt idx="928">
                  <c:v>45250</c:v>
                </c:pt>
                <c:pt idx="929">
                  <c:v>45300</c:v>
                </c:pt>
                <c:pt idx="930">
                  <c:v>45350</c:v>
                </c:pt>
                <c:pt idx="931">
                  <c:v>45400</c:v>
                </c:pt>
                <c:pt idx="932">
                  <c:v>45450</c:v>
                </c:pt>
                <c:pt idx="933">
                  <c:v>45500</c:v>
                </c:pt>
                <c:pt idx="934">
                  <c:v>45550</c:v>
                </c:pt>
                <c:pt idx="935">
                  <c:v>45600</c:v>
                </c:pt>
                <c:pt idx="936">
                  <c:v>45650</c:v>
                </c:pt>
                <c:pt idx="937">
                  <c:v>45700</c:v>
                </c:pt>
                <c:pt idx="938">
                  <c:v>45750</c:v>
                </c:pt>
                <c:pt idx="939">
                  <c:v>45800</c:v>
                </c:pt>
                <c:pt idx="940">
                  <c:v>45850</c:v>
                </c:pt>
                <c:pt idx="941">
                  <c:v>45900</c:v>
                </c:pt>
                <c:pt idx="942">
                  <c:v>45950</c:v>
                </c:pt>
                <c:pt idx="943">
                  <c:v>46000</c:v>
                </c:pt>
                <c:pt idx="944">
                  <c:v>46050</c:v>
                </c:pt>
                <c:pt idx="945">
                  <c:v>46100</c:v>
                </c:pt>
                <c:pt idx="946">
                  <c:v>46150</c:v>
                </c:pt>
                <c:pt idx="947">
                  <c:v>46200</c:v>
                </c:pt>
                <c:pt idx="948">
                  <c:v>46250</c:v>
                </c:pt>
                <c:pt idx="949">
                  <c:v>46300</c:v>
                </c:pt>
                <c:pt idx="950">
                  <c:v>46350</c:v>
                </c:pt>
                <c:pt idx="951">
                  <c:v>46400</c:v>
                </c:pt>
                <c:pt idx="952">
                  <c:v>46450</c:v>
                </c:pt>
                <c:pt idx="953">
                  <c:v>46500</c:v>
                </c:pt>
                <c:pt idx="954">
                  <c:v>46550</c:v>
                </c:pt>
                <c:pt idx="955">
                  <c:v>46600</c:v>
                </c:pt>
                <c:pt idx="956">
                  <c:v>46650</c:v>
                </c:pt>
                <c:pt idx="957">
                  <c:v>46700</c:v>
                </c:pt>
                <c:pt idx="958">
                  <c:v>46750</c:v>
                </c:pt>
                <c:pt idx="959">
                  <c:v>46800</c:v>
                </c:pt>
                <c:pt idx="960">
                  <c:v>46850</c:v>
                </c:pt>
                <c:pt idx="961">
                  <c:v>46900</c:v>
                </c:pt>
                <c:pt idx="962">
                  <c:v>46950</c:v>
                </c:pt>
                <c:pt idx="963">
                  <c:v>47000</c:v>
                </c:pt>
                <c:pt idx="964">
                  <c:v>47050</c:v>
                </c:pt>
                <c:pt idx="965">
                  <c:v>47100</c:v>
                </c:pt>
                <c:pt idx="966">
                  <c:v>47150</c:v>
                </c:pt>
                <c:pt idx="967">
                  <c:v>47200</c:v>
                </c:pt>
                <c:pt idx="968">
                  <c:v>47250</c:v>
                </c:pt>
                <c:pt idx="969">
                  <c:v>47300</c:v>
                </c:pt>
                <c:pt idx="970">
                  <c:v>47350</c:v>
                </c:pt>
                <c:pt idx="971">
                  <c:v>47400</c:v>
                </c:pt>
                <c:pt idx="972">
                  <c:v>47450</c:v>
                </c:pt>
                <c:pt idx="973">
                  <c:v>47500</c:v>
                </c:pt>
                <c:pt idx="974">
                  <c:v>47550</c:v>
                </c:pt>
                <c:pt idx="975">
                  <c:v>47600</c:v>
                </c:pt>
                <c:pt idx="976">
                  <c:v>47650</c:v>
                </c:pt>
                <c:pt idx="977">
                  <c:v>47700</c:v>
                </c:pt>
                <c:pt idx="978">
                  <c:v>47750</c:v>
                </c:pt>
                <c:pt idx="979">
                  <c:v>47800</c:v>
                </c:pt>
                <c:pt idx="980">
                  <c:v>47850</c:v>
                </c:pt>
                <c:pt idx="981">
                  <c:v>47900</c:v>
                </c:pt>
                <c:pt idx="982">
                  <c:v>47950</c:v>
                </c:pt>
                <c:pt idx="983">
                  <c:v>48000</c:v>
                </c:pt>
                <c:pt idx="984">
                  <c:v>48050</c:v>
                </c:pt>
                <c:pt idx="985">
                  <c:v>48100</c:v>
                </c:pt>
                <c:pt idx="986">
                  <c:v>48150</c:v>
                </c:pt>
                <c:pt idx="987">
                  <c:v>48200</c:v>
                </c:pt>
                <c:pt idx="988">
                  <c:v>48250</c:v>
                </c:pt>
                <c:pt idx="989">
                  <c:v>48300</c:v>
                </c:pt>
                <c:pt idx="990">
                  <c:v>48350</c:v>
                </c:pt>
                <c:pt idx="991">
                  <c:v>48400</c:v>
                </c:pt>
                <c:pt idx="992">
                  <c:v>48450</c:v>
                </c:pt>
                <c:pt idx="993">
                  <c:v>48500</c:v>
                </c:pt>
                <c:pt idx="994">
                  <c:v>48550</c:v>
                </c:pt>
                <c:pt idx="995">
                  <c:v>48600</c:v>
                </c:pt>
                <c:pt idx="996">
                  <c:v>48650</c:v>
                </c:pt>
                <c:pt idx="997">
                  <c:v>48700</c:v>
                </c:pt>
                <c:pt idx="998">
                  <c:v>48750</c:v>
                </c:pt>
                <c:pt idx="999">
                  <c:v>48800</c:v>
                </c:pt>
                <c:pt idx="1000">
                  <c:v>48850</c:v>
                </c:pt>
                <c:pt idx="1001">
                  <c:v>48900</c:v>
                </c:pt>
                <c:pt idx="1002">
                  <c:v>48950</c:v>
                </c:pt>
                <c:pt idx="1003">
                  <c:v>49000</c:v>
                </c:pt>
                <c:pt idx="1004">
                  <c:v>49050</c:v>
                </c:pt>
                <c:pt idx="1005">
                  <c:v>49100</c:v>
                </c:pt>
                <c:pt idx="1006">
                  <c:v>49150</c:v>
                </c:pt>
                <c:pt idx="1007">
                  <c:v>49200</c:v>
                </c:pt>
                <c:pt idx="1008">
                  <c:v>49250</c:v>
                </c:pt>
                <c:pt idx="1009">
                  <c:v>49300</c:v>
                </c:pt>
                <c:pt idx="1010">
                  <c:v>49350</c:v>
                </c:pt>
                <c:pt idx="1011">
                  <c:v>49400</c:v>
                </c:pt>
                <c:pt idx="1012">
                  <c:v>49450</c:v>
                </c:pt>
                <c:pt idx="1013">
                  <c:v>49500</c:v>
                </c:pt>
                <c:pt idx="1014">
                  <c:v>49550</c:v>
                </c:pt>
                <c:pt idx="1015">
                  <c:v>49600</c:v>
                </c:pt>
                <c:pt idx="1016">
                  <c:v>49650</c:v>
                </c:pt>
                <c:pt idx="1017">
                  <c:v>49700</c:v>
                </c:pt>
                <c:pt idx="1018">
                  <c:v>49750</c:v>
                </c:pt>
                <c:pt idx="1019">
                  <c:v>49800</c:v>
                </c:pt>
                <c:pt idx="1020">
                  <c:v>49850</c:v>
                </c:pt>
                <c:pt idx="1021">
                  <c:v>49900</c:v>
                </c:pt>
                <c:pt idx="1022">
                  <c:v>49950</c:v>
                </c:pt>
                <c:pt idx="1023">
                  <c:v>50000</c:v>
                </c:pt>
                <c:pt idx="1024">
                  <c:v>50050</c:v>
                </c:pt>
                <c:pt idx="1025">
                  <c:v>50100</c:v>
                </c:pt>
                <c:pt idx="1026">
                  <c:v>50150</c:v>
                </c:pt>
                <c:pt idx="1027">
                  <c:v>50200</c:v>
                </c:pt>
                <c:pt idx="1028">
                  <c:v>50250</c:v>
                </c:pt>
                <c:pt idx="1029">
                  <c:v>50300</c:v>
                </c:pt>
                <c:pt idx="1030">
                  <c:v>50350</c:v>
                </c:pt>
                <c:pt idx="1031">
                  <c:v>50400</c:v>
                </c:pt>
                <c:pt idx="1032">
                  <c:v>50450</c:v>
                </c:pt>
                <c:pt idx="1033">
                  <c:v>50500</c:v>
                </c:pt>
                <c:pt idx="1034">
                  <c:v>50550</c:v>
                </c:pt>
                <c:pt idx="1035">
                  <c:v>50600</c:v>
                </c:pt>
                <c:pt idx="1036">
                  <c:v>50650</c:v>
                </c:pt>
                <c:pt idx="1037">
                  <c:v>50700</c:v>
                </c:pt>
                <c:pt idx="1038">
                  <c:v>50750</c:v>
                </c:pt>
                <c:pt idx="1039">
                  <c:v>50800</c:v>
                </c:pt>
                <c:pt idx="1040">
                  <c:v>50850</c:v>
                </c:pt>
                <c:pt idx="1041">
                  <c:v>50900</c:v>
                </c:pt>
                <c:pt idx="1042">
                  <c:v>50950</c:v>
                </c:pt>
                <c:pt idx="1043">
                  <c:v>51000</c:v>
                </c:pt>
                <c:pt idx="1044">
                  <c:v>51050</c:v>
                </c:pt>
                <c:pt idx="1045">
                  <c:v>51100</c:v>
                </c:pt>
                <c:pt idx="1046">
                  <c:v>51150</c:v>
                </c:pt>
                <c:pt idx="1047">
                  <c:v>51200</c:v>
                </c:pt>
                <c:pt idx="1048">
                  <c:v>51250</c:v>
                </c:pt>
                <c:pt idx="1049">
                  <c:v>51300</c:v>
                </c:pt>
                <c:pt idx="1050">
                  <c:v>51350</c:v>
                </c:pt>
                <c:pt idx="1051">
                  <c:v>51400</c:v>
                </c:pt>
                <c:pt idx="1052">
                  <c:v>51450</c:v>
                </c:pt>
                <c:pt idx="1053">
                  <c:v>51500</c:v>
                </c:pt>
                <c:pt idx="1054">
                  <c:v>51550</c:v>
                </c:pt>
                <c:pt idx="1055">
                  <c:v>51600</c:v>
                </c:pt>
                <c:pt idx="1056">
                  <c:v>51650</c:v>
                </c:pt>
                <c:pt idx="1057">
                  <c:v>51700</c:v>
                </c:pt>
                <c:pt idx="1058">
                  <c:v>51750</c:v>
                </c:pt>
                <c:pt idx="1059">
                  <c:v>51800</c:v>
                </c:pt>
                <c:pt idx="1060">
                  <c:v>51850</c:v>
                </c:pt>
                <c:pt idx="1061">
                  <c:v>51900</c:v>
                </c:pt>
                <c:pt idx="1062">
                  <c:v>51950</c:v>
                </c:pt>
                <c:pt idx="1063">
                  <c:v>52000</c:v>
                </c:pt>
                <c:pt idx="1064">
                  <c:v>52050</c:v>
                </c:pt>
                <c:pt idx="1065">
                  <c:v>52100</c:v>
                </c:pt>
                <c:pt idx="1066">
                  <c:v>52150</c:v>
                </c:pt>
                <c:pt idx="1067">
                  <c:v>52200</c:v>
                </c:pt>
                <c:pt idx="1068">
                  <c:v>52250</c:v>
                </c:pt>
                <c:pt idx="1069">
                  <c:v>52300</c:v>
                </c:pt>
                <c:pt idx="1070">
                  <c:v>52350</c:v>
                </c:pt>
                <c:pt idx="1071">
                  <c:v>52400</c:v>
                </c:pt>
                <c:pt idx="1072">
                  <c:v>52450</c:v>
                </c:pt>
                <c:pt idx="1073">
                  <c:v>52500</c:v>
                </c:pt>
                <c:pt idx="1074">
                  <c:v>52550</c:v>
                </c:pt>
                <c:pt idx="1075">
                  <c:v>52600</c:v>
                </c:pt>
                <c:pt idx="1076">
                  <c:v>52650</c:v>
                </c:pt>
                <c:pt idx="1077">
                  <c:v>52700</c:v>
                </c:pt>
                <c:pt idx="1078">
                  <c:v>52750</c:v>
                </c:pt>
                <c:pt idx="1079">
                  <c:v>52800</c:v>
                </c:pt>
                <c:pt idx="1080">
                  <c:v>52850</c:v>
                </c:pt>
                <c:pt idx="1081">
                  <c:v>52900</c:v>
                </c:pt>
                <c:pt idx="1082">
                  <c:v>52950</c:v>
                </c:pt>
                <c:pt idx="1083">
                  <c:v>53000</c:v>
                </c:pt>
                <c:pt idx="1084">
                  <c:v>53050</c:v>
                </c:pt>
                <c:pt idx="1085">
                  <c:v>53100</c:v>
                </c:pt>
                <c:pt idx="1086">
                  <c:v>53150</c:v>
                </c:pt>
                <c:pt idx="1087">
                  <c:v>53200</c:v>
                </c:pt>
                <c:pt idx="1088">
                  <c:v>53250</c:v>
                </c:pt>
                <c:pt idx="1089">
                  <c:v>53300</c:v>
                </c:pt>
                <c:pt idx="1090">
                  <c:v>53350</c:v>
                </c:pt>
                <c:pt idx="1091">
                  <c:v>53400</c:v>
                </c:pt>
                <c:pt idx="1092">
                  <c:v>53450</c:v>
                </c:pt>
                <c:pt idx="1093">
                  <c:v>53500</c:v>
                </c:pt>
                <c:pt idx="1094">
                  <c:v>53550</c:v>
                </c:pt>
                <c:pt idx="1095">
                  <c:v>53600</c:v>
                </c:pt>
                <c:pt idx="1096">
                  <c:v>53650</c:v>
                </c:pt>
                <c:pt idx="1097">
                  <c:v>53700</c:v>
                </c:pt>
                <c:pt idx="1098">
                  <c:v>53750</c:v>
                </c:pt>
                <c:pt idx="1099">
                  <c:v>53800</c:v>
                </c:pt>
                <c:pt idx="1100">
                  <c:v>53850</c:v>
                </c:pt>
                <c:pt idx="1101">
                  <c:v>53900</c:v>
                </c:pt>
                <c:pt idx="1102">
                  <c:v>53950</c:v>
                </c:pt>
                <c:pt idx="1103">
                  <c:v>54000</c:v>
                </c:pt>
                <c:pt idx="1104">
                  <c:v>54050</c:v>
                </c:pt>
                <c:pt idx="1105">
                  <c:v>54100</c:v>
                </c:pt>
                <c:pt idx="1106">
                  <c:v>54150</c:v>
                </c:pt>
                <c:pt idx="1107">
                  <c:v>54200</c:v>
                </c:pt>
                <c:pt idx="1108">
                  <c:v>54250</c:v>
                </c:pt>
                <c:pt idx="1109">
                  <c:v>54300</c:v>
                </c:pt>
                <c:pt idx="1110">
                  <c:v>54350</c:v>
                </c:pt>
                <c:pt idx="1111">
                  <c:v>54400</c:v>
                </c:pt>
                <c:pt idx="1112">
                  <c:v>54450</c:v>
                </c:pt>
                <c:pt idx="1113">
                  <c:v>54500</c:v>
                </c:pt>
                <c:pt idx="1114">
                  <c:v>54550</c:v>
                </c:pt>
                <c:pt idx="1115">
                  <c:v>54600</c:v>
                </c:pt>
                <c:pt idx="1116">
                  <c:v>54650</c:v>
                </c:pt>
                <c:pt idx="1117">
                  <c:v>54700</c:v>
                </c:pt>
                <c:pt idx="1118">
                  <c:v>54750</c:v>
                </c:pt>
                <c:pt idx="1119">
                  <c:v>54800</c:v>
                </c:pt>
                <c:pt idx="1120">
                  <c:v>54850</c:v>
                </c:pt>
                <c:pt idx="1121">
                  <c:v>54900</c:v>
                </c:pt>
                <c:pt idx="1122">
                  <c:v>54950</c:v>
                </c:pt>
                <c:pt idx="1123">
                  <c:v>55000</c:v>
                </c:pt>
                <c:pt idx="1124">
                  <c:v>55050</c:v>
                </c:pt>
                <c:pt idx="1125">
                  <c:v>55100</c:v>
                </c:pt>
                <c:pt idx="1126">
                  <c:v>55150</c:v>
                </c:pt>
                <c:pt idx="1127">
                  <c:v>55200</c:v>
                </c:pt>
                <c:pt idx="1128">
                  <c:v>55250</c:v>
                </c:pt>
                <c:pt idx="1129">
                  <c:v>55300</c:v>
                </c:pt>
                <c:pt idx="1130">
                  <c:v>55350</c:v>
                </c:pt>
                <c:pt idx="1131">
                  <c:v>55400</c:v>
                </c:pt>
                <c:pt idx="1132">
                  <c:v>55450</c:v>
                </c:pt>
                <c:pt idx="1133">
                  <c:v>55500</c:v>
                </c:pt>
                <c:pt idx="1134">
                  <c:v>55550</c:v>
                </c:pt>
                <c:pt idx="1135">
                  <c:v>55600</c:v>
                </c:pt>
                <c:pt idx="1136">
                  <c:v>55650</c:v>
                </c:pt>
                <c:pt idx="1137">
                  <c:v>55700</c:v>
                </c:pt>
                <c:pt idx="1138">
                  <c:v>55750</c:v>
                </c:pt>
                <c:pt idx="1139">
                  <c:v>55800</c:v>
                </c:pt>
                <c:pt idx="1140">
                  <c:v>55850</c:v>
                </c:pt>
                <c:pt idx="1141">
                  <c:v>55900</c:v>
                </c:pt>
                <c:pt idx="1142">
                  <c:v>55950</c:v>
                </c:pt>
                <c:pt idx="1143">
                  <c:v>56000</c:v>
                </c:pt>
                <c:pt idx="1144">
                  <c:v>56050</c:v>
                </c:pt>
                <c:pt idx="1145">
                  <c:v>56100</c:v>
                </c:pt>
                <c:pt idx="1146">
                  <c:v>56150</c:v>
                </c:pt>
                <c:pt idx="1147">
                  <c:v>56200</c:v>
                </c:pt>
                <c:pt idx="1148">
                  <c:v>56250</c:v>
                </c:pt>
                <c:pt idx="1149">
                  <c:v>56300</c:v>
                </c:pt>
                <c:pt idx="1150">
                  <c:v>56350</c:v>
                </c:pt>
                <c:pt idx="1151">
                  <c:v>56400</c:v>
                </c:pt>
                <c:pt idx="1152">
                  <c:v>56450</c:v>
                </c:pt>
                <c:pt idx="1153">
                  <c:v>56500</c:v>
                </c:pt>
                <c:pt idx="1154">
                  <c:v>56550</c:v>
                </c:pt>
                <c:pt idx="1155">
                  <c:v>56600</c:v>
                </c:pt>
                <c:pt idx="1156">
                  <c:v>56650</c:v>
                </c:pt>
                <c:pt idx="1157">
                  <c:v>56700</c:v>
                </c:pt>
                <c:pt idx="1158">
                  <c:v>56750</c:v>
                </c:pt>
                <c:pt idx="1159">
                  <c:v>56800</c:v>
                </c:pt>
                <c:pt idx="1160">
                  <c:v>56850</c:v>
                </c:pt>
                <c:pt idx="1161">
                  <c:v>56900</c:v>
                </c:pt>
                <c:pt idx="1162">
                  <c:v>56950</c:v>
                </c:pt>
                <c:pt idx="1163">
                  <c:v>57000</c:v>
                </c:pt>
                <c:pt idx="1164">
                  <c:v>57050</c:v>
                </c:pt>
                <c:pt idx="1165">
                  <c:v>57100</c:v>
                </c:pt>
                <c:pt idx="1166">
                  <c:v>57150</c:v>
                </c:pt>
                <c:pt idx="1167">
                  <c:v>57200</c:v>
                </c:pt>
                <c:pt idx="1168">
                  <c:v>57250</c:v>
                </c:pt>
                <c:pt idx="1169">
                  <c:v>57300</c:v>
                </c:pt>
                <c:pt idx="1170">
                  <c:v>57350</c:v>
                </c:pt>
                <c:pt idx="1171">
                  <c:v>57400</c:v>
                </c:pt>
                <c:pt idx="1172">
                  <c:v>57450</c:v>
                </c:pt>
                <c:pt idx="1173">
                  <c:v>57500</c:v>
                </c:pt>
                <c:pt idx="1174">
                  <c:v>57550</c:v>
                </c:pt>
                <c:pt idx="1175">
                  <c:v>57600</c:v>
                </c:pt>
                <c:pt idx="1176">
                  <c:v>57650</c:v>
                </c:pt>
                <c:pt idx="1177">
                  <c:v>57700</c:v>
                </c:pt>
                <c:pt idx="1178">
                  <c:v>57750</c:v>
                </c:pt>
                <c:pt idx="1179">
                  <c:v>57800</c:v>
                </c:pt>
                <c:pt idx="1180">
                  <c:v>57850</c:v>
                </c:pt>
                <c:pt idx="1181">
                  <c:v>57900</c:v>
                </c:pt>
                <c:pt idx="1182">
                  <c:v>57950</c:v>
                </c:pt>
                <c:pt idx="1183">
                  <c:v>58000</c:v>
                </c:pt>
                <c:pt idx="1184">
                  <c:v>58050</c:v>
                </c:pt>
                <c:pt idx="1185">
                  <c:v>58100</c:v>
                </c:pt>
                <c:pt idx="1186">
                  <c:v>58150</c:v>
                </c:pt>
                <c:pt idx="1187">
                  <c:v>58200</c:v>
                </c:pt>
                <c:pt idx="1188">
                  <c:v>58250</c:v>
                </c:pt>
                <c:pt idx="1189">
                  <c:v>58300</c:v>
                </c:pt>
                <c:pt idx="1190">
                  <c:v>58350</c:v>
                </c:pt>
                <c:pt idx="1191">
                  <c:v>58400</c:v>
                </c:pt>
                <c:pt idx="1192">
                  <c:v>58450</c:v>
                </c:pt>
                <c:pt idx="1193">
                  <c:v>58500</c:v>
                </c:pt>
                <c:pt idx="1194">
                  <c:v>58550</c:v>
                </c:pt>
                <c:pt idx="1195">
                  <c:v>58600</c:v>
                </c:pt>
                <c:pt idx="1196">
                  <c:v>58650</c:v>
                </c:pt>
                <c:pt idx="1197">
                  <c:v>58700</c:v>
                </c:pt>
                <c:pt idx="1198">
                  <c:v>58750</c:v>
                </c:pt>
                <c:pt idx="1199">
                  <c:v>58800</c:v>
                </c:pt>
                <c:pt idx="1200">
                  <c:v>58850</c:v>
                </c:pt>
                <c:pt idx="1201">
                  <c:v>58900</c:v>
                </c:pt>
                <c:pt idx="1202">
                  <c:v>58950</c:v>
                </c:pt>
                <c:pt idx="1203">
                  <c:v>59000</c:v>
                </c:pt>
                <c:pt idx="1204">
                  <c:v>59050</c:v>
                </c:pt>
                <c:pt idx="1205">
                  <c:v>59100</c:v>
                </c:pt>
                <c:pt idx="1206">
                  <c:v>59150</c:v>
                </c:pt>
                <c:pt idx="1207">
                  <c:v>59200</c:v>
                </c:pt>
                <c:pt idx="1208">
                  <c:v>59250</c:v>
                </c:pt>
                <c:pt idx="1209">
                  <c:v>59300</c:v>
                </c:pt>
                <c:pt idx="1210">
                  <c:v>59350</c:v>
                </c:pt>
                <c:pt idx="1211">
                  <c:v>59400</c:v>
                </c:pt>
                <c:pt idx="1212">
                  <c:v>59450</c:v>
                </c:pt>
                <c:pt idx="1213">
                  <c:v>59500</c:v>
                </c:pt>
                <c:pt idx="1214">
                  <c:v>59550</c:v>
                </c:pt>
                <c:pt idx="1215">
                  <c:v>59600</c:v>
                </c:pt>
                <c:pt idx="1216">
                  <c:v>59650</c:v>
                </c:pt>
                <c:pt idx="1217">
                  <c:v>59700</c:v>
                </c:pt>
                <c:pt idx="1218">
                  <c:v>59750</c:v>
                </c:pt>
                <c:pt idx="1219">
                  <c:v>59800</c:v>
                </c:pt>
                <c:pt idx="1220">
                  <c:v>59850</c:v>
                </c:pt>
                <c:pt idx="1221">
                  <c:v>59900</c:v>
                </c:pt>
                <c:pt idx="1222">
                  <c:v>59950</c:v>
                </c:pt>
                <c:pt idx="1224">
                  <c:v>60000</c:v>
                </c:pt>
                <c:pt idx="1225">
                  <c:v>60050</c:v>
                </c:pt>
                <c:pt idx="1226">
                  <c:v>60100</c:v>
                </c:pt>
                <c:pt idx="1227">
                  <c:v>60150</c:v>
                </c:pt>
                <c:pt idx="1228">
                  <c:v>60200</c:v>
                </c:pt>
                <c:pt idx="1229">
                  <c:v>60250</c:v>
                </c:pt>
                <c:pt idx="1230">
                  <c:v>60300</c:v>
                </c:pt>
                <c:pt idx="1231">
                  <c:v>60350</c:v>
                </c:pt>
                <c:pt idx="1232">
                  <c:v>60400</c:v>
                </c:pt>
                <c:pt idx="1233">
                  <c:v>60450</c:v>
                </c:pt>
                <c:pt idx="1234">
                  <c:v>60500</c:v>
                </c:pt>
                <c:pt idx="1235">
                  <c:v>60550</c:v>
                </c:pt>
                <c:pt idx="1236">
                  <c:v>60600</c:v>
                </c:pt>
                <c:pt idx="1237">
                  <c:v>60650</c:v>
                </c:pt>
                <c:pt idx="1238">
                  <c:v>60700</c:v>
                </c:pt>
                <c:pt idx="1239">
                  <c:v>60750</c:v>
                </c:pt>
                <c:pt idx="1240">
                  <c:v>60800</c:v>
                </c:pt>
                <c:pt idx="1241">
                  <c:v>60850</c:v>
                </c:pt>
                <c:pt idx="1242">
                  <c:v>60900</c:v>
                </c:pt>
                <c:pt idx="1243">
                  <c:v>60950</c:v>
                </c:pt>
                <c:pt idx="1244">
                  <c:v>61000</c:v>
                </c:pt>
                <c:pt idx="1245">
                  <c:v>61050</c:v>
                </c:pt>
                <c:pt idx="1246">
                  <c:v>61100</c:v>
                </c:pt>
                <c:pt idx="1247">
                  <c:v>61150</c:v>
                </c:pt>
                <c:pt idx="1248">
                  <c:v>61200</c:v>
                </c:pt>
                <c:pt idx="1249">
                  <c:v>61250</c:v>
                </c:pt>
                <c:pt idx="1250">
                  <c:v>61300</c:v>
                </c:pt>
                <c:pt idx="1251">
                  <c:v>61350</c:v>
                </c:pt>
                <c:pt idx="1252">
                  <c:v>61400</c:v>
                </c:pt>
                <c:pt idx="1253">
                  <c:v>61450</c:v>
                </c:pt>
                <c:pt idx="1254">
                  <c:v>61500</c:v>
                </c:pt>
                <c:pt idx="1255">
                  <c:v>61550</c:v>
                </c:pt>
                <c:pt idx="1256">
                  <c:v>61600</c:v>
                </c:pt>
                <c:pt idx="1257">
                  <c:v>61650</c:v>
                </c:pt>
                <c:pt idx="1258">
                  <c:v>61700</c:v>
                </c:pt>
                <c:pt idx="1259">
                  <c:v>61750</c:v>
                </c:pt>
                <c:pt idx="1260">
                  <c:v>61800</c:v>
                </c:pt>
                <c:pt idx="1261">
                  <c:v>61850</c:v>
                </c:pt>
                <c:pt idx="1262">
                  <c:v>61900</c:v>
                </c:pt>
                <c:pt idx="1263">
                  <c:v>61950</c:v>
                </c:pt>
                <c:pt idx="1264">
                  <c:v>62000</c:v>
                </c:pt>
                <c:pt idx="1265">
                  <c:v>62050</c:v>
                </c:pt>
                <c:pt idx="1266">
                  <c:v>62100</c:v>
                </c:pt>
                <c:pt idx="1267">
                  <c:v>62150</c:v>
                </c:pt>
                <c:pt idx="1268">
                  <c:v>62200</c:v>
                </c:pt>
                <c:pt idx="1269">
                  <c:v>62250</c:v>
                </c:pt>
                <c:pt idx="1270">
                  <c:v>62300</c:v>
                </c:pt>
                <c:pt idx="1271">
                  <c:v>62350</c:v>
                </c:pt>
                <c:pt idx="1272">
                  <c:v>62400</c:v>
                </c:pt>
                <c:pt idx="1273">
                  <c:v>62450</c:v>
                </c:pt>
                <c:pt idx="1274">
                  <c:v>62500</c:v>
                </c:pt>
                <c:pt idx="1275">
                  <c:v>62550</c:v>
                </c:pt>
                <c:pt idx="1276">
                  <c:v>62600</c:v>
                </c:pt>
                <c:pt idx="1277">
                  <c:v>62650</c:v>
                </c:pt>
                <c:pt idx="1278">
                  <c:v>62700</c:v>
                </c:pt>
                <c:pt idx="1279">
                  <c:v>62750</c:v>
                </c:pt>
                <c:pt idx="1280">
                  <c:v>62800</c:v>
                </c:pt>
                <c:pt idx="1281">
                  <c:v>62850</c:v>
                </c:pt>
                <c:pt idx="1282">
                  <c:v>62900</c:v>
                </c:pt>
                <c:pt idx="1283">
                  <c:v>62950</c:v>
                </c:pt>
                <c:pt idx="1284">
                  <c:v>63000</c:v>
                </c:pt>
                <c:pt idx="1285">
                  <c:v>63050</c:v>
                </c:pt>
                <c:pt idx="1286">
                  <c:v>63100</c:v>
                </c:pt>
                <c:pt idx="1287">
                  <c:v>63150</c:v>
                </c:pt>
                <c:pt idx="1288">
                  <c:v>63200</c:v>
                </c:pt>
                <c:pt idx="1289">
                  <c:v>63250</c:v>
                </c:pt>
                <c:pt idx="1290">
                  <c:v>63300</c:v>
                </c:pt>
                <c:pt idx="1291">
                  <c:v>63350</c:v>
                </c:pt>
                <c:pt idx="1292">
                  <c:v>63400</c:v>
                </c:pt>
                <c:pt idx="1293">
                  <c:v>63450</c:v>
                </c:pt>
                <c:pt idx="1294">
                  <c:v>63500</c:v>
                </c:pt>
                <c:pt idx="1295">
                  <c:v>63550</c:v>
                </c:pt>
                <c:pt idx="1296">
                  <c:v>63600</c:v>
                </c:pt>
                <c:pt idx="1297">
                  <c:v>63650</c:v>
                </c:pt>
                <c:pt idx="1298">
                  <c:v>63700</c:v>
                </c:pt>
                <c:pt idx="1299">
                  <c:v>63750</c:v>
                </c:pt>
                <c:pt idx="1300">
                  <c:v>63800</c:v>
                </c:pt>
                <c:pt idx="1301">
                  <c:v>63850</c:v>
                </c:pt>
                <c:pt idx="1302">
                  <c:v>63900</c:v>
                </c:pt>
                <c:pt idx="1303">
                  <c:v>63950</c:v>
                </c:pt>
                <c:pt idx="1304">
                  <c:v>64000</c:v>
                </c:pt>
                <c:pt idx="1305">
                  <c:v>64050</c:v>
                </c:pt>
                <c:pt idx="1306">
                  <c:v>64100</c:v>
                </c:pt>
                <c:pt idx="1307">
                  <c:v>64150</c:v>
                </c:pt>
                <c:pt idx="1308">
                  <c:v>64200</c:v>
                </c:pt>
                <c:pt idx="1309">
                  <c:v>64250</c:v>
                </c:pt>
                <c:pt idx="1310">
                  <c:v>64300</c:v>
                </c:pt>
                <c:pt idx="1311">
                  <c:v>64350</c:v>
                </c:pt>
                <c:pt idx="1312">
                  <c:v>64400</c:v>
                </c:pt>
                <c:pt idx="1313">
                  <c:v>64450</c:v>
                </c:pt>
                <c:pt idx="1314">
                  <c:v>64500</c:v>
                </c:pt>
                <c:pt idx="1315">
                  <c:v>64550</c:v>
                </c:pt>
                <c:pt idx="1316">
                  <c:v>64600</c:v>
                </c:pt>
                <c:pt idx="1317">
                  <c:v>64650</c:v>
                </c:pt>
                <c:pt idx="1318">
                  <c:v>64700</c:v>
                </c:pt>
                <c:pt idx="1319">
                  <c:v>64750</c:v>
                </c:pt>
                <c:pt idx="1320">
                  <c:v>64800</c:v>
                </c:pt>
                <c:pt idx="1321">
                  <c:v>64850</c:v>
                </c:pt>
                <c:pt idx="1322">
                  <c:v>64900</c:v>
                </c:pt>
                <c:pt idx="1323">
                  <c:v>64950</c:v>
                </c:pt>
                <c:pt idx="1324">
                  <c:v>65000</c:v>
                </c:pt>
                <c:pt idx="1325">
                  <c:v>65050</c:v>
                </c:pt>
                <c:pt idx="1326">
                  <c:v>65100</c:v>
                </c:pt>
                <c:pt idx="1327">
                  <c:v>65150</c:v>
                </c:pt>
                <c:pt idx="1328">
                  <c:v>65200</c:v>
                </c:pt>
                <c:pt idx="1329">
                  <c:v>65250</c:v>
                </c:pt>
                <c:pt idx="1330">
                  <c:v>65300</c:v>
                </c:pt>
                <c:pt idx="1331">
                  <c:v>65350</c:v>
                </c:pt>
                <c:pt idx="1332">
                  <c:v>65400</c:v>
                </c:pt>
                <c:pt idx="1333">
                  <c:v>65450</c:v>
                </c:pt>
                <c:pt idx="1334">
                  <c:v>65500</c:v>
                </c:pt>
                <c:pt idx="1335">
                  <c:v>65550</c:v>
                </c:pt>
                <c:pt idx="1336">
                  <c:v>65600</c:v>
                </c:pt>
                <c:pt idx="1337">
                  <c:v>65650</c:v>
                </c:pt>
                <c:pt idx="1338">
                  <c:v>65700</c:v>
                </c:pt>
                <c:pt idx="1339">
                  <c:v>65750</c:v>
                </c:pt>
                <c:pt idx="1340">
                  <c:v>65800</c:v>
                </c:pt>
                <c:pt idx="1341">
                  <c:v>65850</c:v>
                </c:pt>
                <c:pt idx="1342">
                  <c:v>65900</c:v>
                </c:pt>
                <c:pt idx="1343">
                  <c:v>65950</c:v>
                </c:pt>
                <c:pt idx="1344">
                  <c:v>66000</c:v>
                </c:pt>
                <c:pt idx="1345">
                  <c:v>66050</c:v>
                </c:pt>
                <c:pt idx="1346">
                  <c:v>66100</c:v>
                </c:pt>
                <c:pt idx="1347">
                  <c:v>66150</c:v>
                </c:pt>
                <c:pt idx="1348">
                  <c:v>66200</c:v>
                </c:pt>
                <c:pt idx="1349">
                  <c:v>66250</c:v>
                </c:pt>
                <c:pt idx="1350">
                  <c:v>66300</c:v>
                </c:pt>
                <c:pt idx="1351">
                  <c:v>66350</c:v>
                </c:pt>
                <c:pt idx="1352">
                  <c:v>66400</c:v>
                </c:pt>
                <c:pt idx="1353">
                  <c:v>66450</c:v>
                </c:pt>
                <c:pt idx="1354">
                  <c:v>66500</c:v>
                </c:pt>
                <c:pt idx="1355">
                  <c:v>66550</c:v>
                </c:pt>
                <c:pt idx="1356">
                  <c:v>66600</c:v>
                </c:pt>
                <c:pt idx="1357">
                  <c:v>66650</c:v>
                </c:pt>
                <c:pt idx="1358">
                  <c:v>66700</c:v>
                </c:pt>
                <c:pt idx="1359">
                  <c:v>66750</c:v>
                </c:pt>
                <c:pt idx="1360">
                  <c:v>66800</c:v>
                </c:pt>
                <c:pt idx="1361">
                  <c:v>66850</c:v>
                </c:pt>
                <c:pt idx="1362">
                  <c:v>66900</c:v>
                </c:pt>
                <c:pt idx="1363">
                  <c:v>66950</c:v>
                </c:pt>
                <c:pt idx="1364">
                  <c:v>67000</c:v>
                </c:pt>
                <c:pt idx="1365">
                  <c:v>67050</c:v>
                </c:pt>
                <c:pt idx="1366">
                  <c:v>67100</c:v>
                </c:pt>
                <c:pt idx="1367">
                  <c:v>67150</c:v>
                </c:pt>
                <c:pt idx="1368">
                  <c:v>67200</c:v>
                </c:pt>
                <c:pt idx="1369">
                  <c:v>67250</c:v>
                </c:pt>
                <c:pt idx="1370">
                  <c:v>67300</c:v>
                </c:pt>
                <c:pt idx="1371">
                  <c:v>67350</c:v>
                </c:pt>
                <c:pt idx="1372">
                  <c:v>67400</c:v>
                </c:pt>
                <c:pt idx="1373">
                  <c:v>67450</c:v>
                </c:pt>
                <c:pt idx="1374">
                  <c:v>67500</c:v>
                </c:pt>
                <c:pt idx="1375">
                  <c:v>67550</c:v>
                </c:pt>
                <c:pt idx="1376">
                  <c:v>67600</c:v>
                </c:pt>
                <c:pt idx="1377">
                  <c:v>67650</c:v>
                </c:pt>
                <c:pt idx="1378">
                  <c:v>67700</c:v>
                </c:pt>
                <c:pt idx="1379">
                  <c:v>67750</c:v>
                </c:pt>
                <c:pt idx="1380">
                  <c:v>67800</c:v>
                </c:pt>
                <c:pt idx="1381">
                  <c:v>67850</c:v>
                </c:pt>
                <c:pt idx="1382">
                  <c:v>67900</c:v>
                </c:pt>
                <c:pt idx="1383">
                  <c:v>67950</c:v>
                </c:pt>
                <c:pt idx="1384">
                  <c:v>68000</c:v>
                </c:pt>
                <c:pt idx="1385">
                  <c:v>68050</c:v>
                </c:pt>
                <c:pt idx="1386">
                  <c:v>68100</c:v>
                </c:pt>
                <c:pt idx="1387">
                  <c:v>68150</c:v>
                </c:pt>
                <c:pt idx="1388">
                  <c:v>68200</c:v>
                </c:pt>
                <c:pt idx="1389">
                  <c:v>68250</c:v>
                </c:pt>
                <c:pt idx="1390">
                  <c:v>68300</c:v>
                </c:pt>
                <c:pt idx="1391">
                  <c:v>68350</c:v>
                </c:pt>
                <c:pt idx="1392">
                  <c:v>68400</c:v>
                </c:pt>
                <c:pt idx="1393">
                  <c:v>68450</c:v>
                </c:pt>
                <c:pt idx="1394">
                  <c:v>68500</c:v>
                </c:pt>
                <c:pt idx="1395">
                  <c:v>68550</c:v>
                </c:pt>
                <c:pt idx="1396">
                  <c:v>68600</c:v>
                </c:pt>
                <c:pt idx="1397">
                  <c:v>68650</c:v>
                </c:pt>
                <c:pt idx="1398">
                  <c:v>68700</c:v>
                </c:pt>
                <c:pt idx="1399">
                  <c:v>68750</c:v>
                </c:pt>
                <c:pt idx="1400">
                  <c:v>68800</c:v>
                </c:pt>
                <c:pt idx="1401">
                  <c:v>68850</c:v>
                </c:pt>
                <c:pt idx="1402">
                  <c:v>68900</c:v>
                </c:pt>
                <c:pt idx="1403">
                  <c:v>68950</c:v>
                </c:pt>
                <c:pt idx="1404">
                  <c:v>69000</c:v>
                </c:pt>
                <c:pt idx="1405">
                  <c:v>69050</c:v>
                </c:pt>
                <c:pt idx="1406">
                  <c:v>69100</c:v>
                </c:pt>
                <c:pt idx="1407">
                  <c:v>69150</c:v>
                </c:pt>
                <c:pt idx="1408">
                  <c:v>69200</c:v>
                </c:pt>
                <c:pt idx="1409">
                  <c:v>69250</c:v>
                </c:pt>
                <c:pt idx="1410">
                  <c:v>69300</c:v>
                </c:pt>
                <c:pt idx="1411">
                  <c:v>69350</c:v>
                </c:pt>
                <c:pt idx="1412">
                  <c:v>69400</c:v>
                </c:pt>
                <c:pt idx="1413">
                  <c:v>69450</c:v>
                </c:pt>
                <c:pt idx="1414">
                  <c:v>69500</c:v>
                </c:pt>
                <c:pt idx="1415">
                  <c:v>69550</c:v>
                </c:pt>
                <c:pt idx="1416">
                  <c:v>69600</c:v>
                </c:pt>
                <c:pt idx="1417">
                  <c:v>69650</c:v>
                </c:pt>
                <c:pt idx="1418">
                  <c:v>69700</c:v>
                </c:pt>
                <c:pt idx="1419">
                  <c:v>69750</c:v>
                </c:pt>
                <c:pt idx="1420">
                  <c:v>69800</c:v>
                </c:pt>
                <c:pt idx="1421">
                  <c:v>69850</c:v>
                </c:pt>
                <c:pt idx="1422">
                  <c:v>69900</c:v>
                </c:pt>
                <c:pt idx="1423">
                  <c:v>69950</c:v>
                </c:pt>
                <c:pt idx="1424">
                  <c:v>70000</c:v>
                </c:pt>
                <c:pt idx="1425">
                  <c:v>70050</c:v>
                </c:pt>
                <c:pt idx="1426">
                  <c:v>70100</c:v>
                </c:pt>
                <c:pt idx="1427">
                  <c:v>70150</c:v>
                </c:pt>
                <c:pt idx="1428">
                  <c:v>70200</c:v>
                </c:pt>
                <c:pt idx="1429">
                  <c:v>70250</c:v>
                </c:pt>
                <c:pt idx="1430">
                  <c:v>70300</c:v>
                </c:pt>
                <c:pt idx="1431">
                  <c:v>70350</c:v>
                </c:pt>
                <c:pt idx="1432">
                  <c:v>70400</c:v>
                </c:pt>
                <c:pt idx="1433">
                  <c:v>70450</c:v>
                </c:pt>
                <c:pt idx="1434">
                  <c:v>70500</c:v>
                </c:pt>
                <c:pt idx="1435">
                  <c:v>70550</c:v>
                </c:pt>
                <c:pt idx="1436">
                  <c:v>70600</c:v>
                </c:pt>
                <c:pt idx="1437">
                  <c:v>70650</c:v>
                </c:pt>
                <c:pt idx="1438">
                  <c:v>70700</c:v>
                </c:pt>
                <c:pt idx="1439">
                  <c:v>70750</c:v>
                </c:pt>
                <c:pt idx="1440">
                  <c:v>70800</c:v>
                </c:pt>
                <c:pt idx="1441">
                  <c:v>70850</c:v>
                </c:pt>
                <c:pt idx="1442">
                  <c:v>70900</c:v>
                </c:pt>
                <c:pt idx="1443">
                  <c:v>70950</c:v>
                </c:pt>
                <c:pt idx="1444">
                  <c:v>71000</c:v>
                </c:pt>
                <c:pt idx="1445">
                  <c:v>71050</c:v>
                </c:pt>
                <c:pt idx="1446">
                  <c:v>71100</c:v>
                </c:pt>
                <c:pt idx="1447">
                  <c:v>71150</c:v>
                </c:pt>
                <c:pt idx="1448">
                  <c:v>71200</c:v>
                </c:pt>
                <c:pt idx="1449">
                  <c:v>71250</c:v>
                </c:pt>
                <c:pt idx="1450">
                  <c:v>71300</c:v>
                </c:pt>
                <c:pt idx="1451">
                  <c:v>71350</c:v>
                </c:pt>
                <c:pt idx="1452">
                  <c:v>71400</c:v>
                </c:pt>
                <c:pt idx="1453">
                  <c:v>71450</c:v>
                </c:pt>
                <c:pt idx="1454">
                  <c:v>71500</c:v>
                </c:pt>
                <c:pt idx="1455">
                  <c:v>71550</c:v>
                </c:pt>
                <c:pt idx="1456">
                  <c:v>71600</c:v>
                </c:pt>
                <c:pt idx="1457">
                  <c:v>71650</c:v>
                </c:pt>
                <c:pt idx="1458">
                  <c:v>71700</c:v>
                </c:pt>
                <c:pt idx="1459">
                  <c:v>71750</c:v>
                </c:pt>
                <c:pt idx="1460">
                  <c:v>71800</c:v>
                </c:pt>
                <c:pt idx="1461">
                  <c:v>71850</c:v>
                </c:pt>
                <c:pt idx="1462">
                  <c:v>71900</c:v>
                </c:pt>
                <c:pt idx="1463">
                  <c:v>71950</c:v>
                </c:pt>
                <c:pt idx="1464">
                  <c:v>72000</c:v>
                </c:pt>
                <c:pt idx="1465">
                  <c:v>72050</c:v>
                </c:pt>
                <c:pt idx="1466">
                  <c:v>72100</c:v>
                </c:pt>
                <c:pt idx="1467">
                  <c:v>72150</c:v>
                </c:pt>
                <c:pt idx="1468">
                  <c:v>72200</c:v>
                </c:pt>
                <c:pt idx="1469">
                  <c:v>72250</c:v>
                </c:pt>
                <c:pt idx="1470">
                  <c:v>72300</c:v>
                </c:pt>
                <c:pt idx="1471">
                  <c:v>72350</c:v>
                </c:pt>
                <c:pt idx="1472">
                  <c:v>72400</c:v>
                </c:pt>
                <c:pt idx="1473">
                  <c:v>72450</c:v>
                </c:pt>
                <c:pt idx="1474">
                  <c:v>72500</c:v>
                </c:pt>
                <c:pt idx="1475">
                  <c:v>72550</c:v>
                </c:pt>
                <c:pt idx="1476">
                  <c:v>72600</c:v>
                </c:pt>
                <c:pt idx="1477">
                  <c:v>72650</c:v>
                </c:pt>
                <c:pt idx="1478">
                  <c:v>72700</c:v>
                </c:pt>
                <c:pt idx="1479">
                  <c:v>72750</c:v>
                </c:pt>
                <c:pt idx="1480">
                  <c:v>72800</c:v>
                </c:pt>
                <c:pt idx="1481">
                  <c:v>72850</c:v>
                </c:pt>
                <c:pt idx="1482">
                  <c:v>72900</c:v>
                </c:pt>
                <c:pt idx="1483">
                  <c:v>72950</c:v>
                </c:pt>
                <c:pt idx="1484">
                  <c:v>73000</c:v>
                </c:pt>
                <c:pt idx="1485">
                  <c:v>73050</c:v>
                </c:pt>
                <c:pt idx="1486">
                  <c:v>73100</c:v>
                </c:pt>
                <c:pt idx="1487">
                  <c:v>73150</c:v>
                </c:pt>
                <c:pt idx="1488">
                  <c:v>73200</c:v>
                </c:pt>
                <c:pt idx="1489">
                  <c:v>73250</c:v>
                </c:pt>
                <c:pt idx="1490">
                  <c:v>73300</c:v>
                </c:pt>
                <c:pt idx="1491">
                  <c:v>73350</c:v>
                </c:pt>
                <c:pt idx="1492">
                  <c:v>73400</c:v>
                </c:pt>
                <c:pt idx="1493">
                  <c:v>73450</c:v>
                </c:pt>
                <c:pt idx="1494">
                  <c:v>73500</c:v>
                </c:pt>
                <c:pt idx="1495">
                  <c:v>73550</c:v>
                </c:pt>
                <c:pt idx="1496">
                  <c:v>73600</c:v>
                </c:pt>
                <c:pt idx="1497">
                  <c:v>73650</c:v>
                </c:pt>
                <c:pt idx="1498">
                  <c:v>73700</c:v>
                </c:pt>
                <c:pt idx="1499">
                  <c:v>73750</c:v>
                </c:pt>
                <c:pt idx="1500">
                  <c:v>73800</c:v>
                </c:pt>
                <c:pt idx="1501">
                  <c:v>73850</c:v>
                </c:pt>
                <c:pt idx="1502">
                  <c:v>73900</c:v>
                </c:pt>
                <c:pt idx="1503">
                  <c:v>73950</c:v>
                </c:pt>
                <c:pt idx="1504">
                  <c:v>74000</c:v>
                </c:pt>
                <c:pt idx="1505">
                  <c:v>74050</c:v>
                </c:pt>
                <c:pt idx="1506">
                  <c:v>74100</c:v>
                </c:pt>
                <c:pt idx="1507">
                  <c:v>74150</c:v>
                </c:pt>
                <c:pt idx="1508">
                  <c:v>74200</c:v>
                </c:pt>
                <c:pt idx="1509">
                  <c:v>74250</c:v>
                </c:pt>
                <c:pt idx="1510">
                  <c:v>74300</c:v>
                </c:pt>
                <c:pt idx="1511">
                  <c:v>74350</c:v>
                </c:pt>
                <c:pt idx="1512">
                  <c:v>74400</c:v>
                </c:pt>
                <c:pt idx="1513">
                  <c:v>74450</c:v>
                </c:pt>
                <c:pt idx="1514">
                  <c:v>74500</c:v>
                </c:pt>
                <c:pt idx="1515">
                  <c:v>74550</c:v>
                </c:pt>
                <c:pt idx="1516">
                  <c:v>74600</c:v>
                </c:pt>
                <c:pt idx="1517">
                  <c:v>74650</c:v>
                </c:pt>
                <c:pt idx="1518">
                  <c:v>74700</c:v>
                </c:pt>
                <c:pt idx="1519">
                  <c:v>74750</c:v>
                </c:pt>
                <c:pt idx="1520">
                  <c:v>74800</c:v>
                </c:pt>
                <c:pt idx="1521">
                  <c:v>74850</c:v>
                </c:pt>
                <c:pt idx="1522">
                  <c:v>74900</c:v>
                </c:pt>
                <c:pt idx="1523">
                  <c:v>74950</c:v>
                </c:pt>
                <c:pt idx="1524">
                  <c:v>75000</c:v>
                </c:pt>
                <c:pt idx="1525">
                  <c:v>75050</c:v>
                </c:pt>
                <c:pt idx="1526">
                  <c:v>75100</c:v>
                </c:pt>
                <c:pt idx="1527">
                  <c:v>75150</c:v>
                </c:pt>
                <c:pt idx="1528">
                  <c:v>75200</c:v>
                </c:pt>
                <c:pt idx="1529">
                  <c:v>75250</c:v>
                </c:pt>
                <c:pt idx="1530">
                  <c:v>75300</c:v>
                </c:pt>
                <c:pt idx="1531">
                  <c:v>75350</c:v>
                </c:pt>
                <c:pt idx="1532">
                  <c:v>75400</c:v>
                </c:pt>
                <c:pt idx="1533">
                  <c:v>75450</c:v>
                </c:pt>
                <c:pt idx="1534">
                  <c:v>75500</c:v>
                </c:pt>
                <c:pt idx="1535">
                  <c:v>75550</c:v>
                </c:pt>
                <c:pt idx="1536">
                  <c:v>75600</c:v>
                </c:pt>
                <c:pt idx="1537">
                  <c:v>75650</c:v>
                </c:pt>
                <c:pt idx="1538">
                  <c:v>75700</c:v>
                </c:pt>
                <c:pt idx="1539">
                  <c:v>75750</c:v>
                </c:pt>
                <c:pt idx="1540">
                  <c:v>75800</c:v>
                </c:pt>
                <c:pt idx="1541">
                  <c:v>75850</c:v>
                </c:pt>
                <c:pt idx="1542">
                  <c:v>75900</c:v>
                </c:pt>
                <c:pt idx="1543">
                  <c:v>75950</c:v>
                </c:pt>
                <c:pt idx="1544">
                  <c:v>76000</c:v>
                </c:pt>
                <c:pt idx="1545">
                  <c:v>76050</c:v>
                </c:pt>
                <c:pt idx="1546">
                  <c:v>76100</c:v>
                </c:pt>
                <c:pt idx="1547">
                  <c:v>76150</c:v>
                </c:pt>
                <c:pt idx="1548">
                  <c:v>76200</c:v>
                </c:pt>
                <c:pt idx="1549">
                  <c:v>76250</c:v>
                </c:pt>
                <c:pt idx="1550">
                  <c:v>76300</c:v>
                </c:pt>
                <c:pt idx="1551">
                  <c:v>76350</c:v>
                </c:pt>
                <c:pt idx="1552">
                  <c:v>76400</c:v>
                </c:pt>
                <c:pt idx="1553">
                  <c:v>76450</c:v>
                </c:pt>
                <c:pt idx="1554">
                  <c:v>76500</c:v>
                </c:pt>
                <c:pt idx="1555">
                  <c:v>76550</c:v>
                </c:pt>
                <c:pt idx="1556">
                  <c:v>76600</c:v>
                </c:pt>
                <c:pt idx="1557">
                  <c:v>76650</c:v>
                </c:pt>
                <c:pt idx="1558">
                  <c:v>76700</c:v>
                </c:pt>
                <c:pt idx="1559">
                  <c:v>76750</c:v>
                </c:pt>
                <c:pt idx="1560">
                  <c:v>76800</c:v>
                </c:pt>
                <c:pt idx="1561">
                  <c:v>76850</c:v>
                </c:pt>
                <c:pt idx="1562">
                  <c:v>76900</c:v>
                </c:pt>
                <c:pt idx="1563">
                  <c:v>76950</c:v>
                </c:pt>
                <c:pt idx="1564">
                  <c:v>77000</c:v>
                </c:pt>
                <c:pt idx="1565">
                  <c:v>77050</c:v>
                </c:pt>
                <c:pt idx="1566">
                  <c:v>77100</c:v>
                </c:pt>
                <c:pt idx="1567">
                  <c:v>77150</c:v>
                </c:pt>
                <c:pt idx="1568">
                  <c:v>77200</c:v>
                </c:pt>
                <c:pt idx="1569">
                  <c:v>77250</c:v>
                </c:pt>
                <c:pt idx="1570">
                  <c:v>77300</c:v>
                </c:pt>
                <c:pt idx="1571">
                  <c:v>77350</c:v>
                </c:pt>
                <c:pt idx="1572">
                  <c:v>77400</c:v>
                </c:pt>
                <c:pt idx="1573">
                  <c:v>77450</c:v>
                </c:pt>
                <c:pt idx="1574">
                  <c:v>77500</c:v>
                </c:pt>
                <c:pt idx="1575">
                  <c:v>77550</c:v>
                </c:pt>
                <c:pt idx="1576">
                  <c:v>77600</c:v>
                </c:pt>
                <c:pt idx="1577">
                  <c:v>77650</c:v>
                </c:pt>
                <c:pt idx="1578">
                  <c:v>77700</c:v>
                </c:pt>
                <c:pt idx="1579">
                  <c:v>77750</c:v>
                </c:pt>
                <c:pt idx="1580">
                  <c:v>77800</c:v>
                </c:pt>
                <c:pt idx="1581">
                  <c:v>77850</c:v>
                </c:pt>
                <c:pt idx="1582">
                  <c:v>77900</c:v>
                </c:pt>
                <c:pt idx="1583">
                  <c:v>77950</c:v>
                </c:pt>
                <c:pt idx="1584">
                  <c:v>78000</c:v>
                </c:pt>
                <c:pt idx="1585">
                  <c:v>78050</c:v>
                </c:pt>
                <c:pt idx="1586">
                  <c:v>78100</c:v>
                </c:pt>
                <c:pt idx="1587">
                  <c:v>78150</c:v>
                </c:pt>
                <c:pt idx="1588">
                  <c:v>78200</c:v>
                </c:pt>
                <c:pt idx="1589">
                  <c:v>78250</c:v>
                </c:pt>
                <c:pt idx="1590">
                  <c:v>78300</c:v>
                </c:pt>
                <c:pt idx="1591">
                  <c:v>78350</c:v>
                </c:pt>
                <c:pt idx="1592">
                  <c:v>78400</c:v>
                </c:pt>
                <c:pt idx="1593">
                  <c:v>78450</c:v>
                </c:pt>
                <c:pt idx="1594">
                  <c:v>78500</c:v>
                </c:pt>
                <c:pt idx="1595">
                  <c:v>78550</c:v>
                </c:pt>
                <c:pt idx="1596">
                  <c:v>78600</c:v>
                </c:pt>
                <c:pt idx="1597">
                  <c:v>78650</c:v>
                </c:pt>
                <c:pt idx="1598">
                  <c:v>78700</c:v>
                </c:pt>
                <c:pt idx="1599">
                  <c:v>78750</c:v>
                </c:pt>
                <c:pt idx="1600">
                  <c:v>78800</c:v>
                </c:pt>
                <c:pt idx="1601">
                  <c:v>78850</c:v>
                </c:pt>
                <c:pt idx="1602">
                  <c:v>78900</c:v>
                </c:pt>
                <c:pt idx="1603">
                  <c:v>78950</c:v>
                </c:pt>
                <c:pt idx="1604">
                  <c:v>79000</c:v>
                </c:pt>
                <c:pt idx="1605">
                  <c:v>79050</c:v>
                </c:pt>
                <c:pt idx="1606">
                  <c:v>79100</c:v>
                </c:pt>
                <c:pt idx="1607">
                  <c:v>79150</c:v>
                </c:pt>
                <c:pt idx="1608">
                  <c:v>79200</c:v>
                </c:pt>
                <c:pt idx="1609">
                  <c:v>79250</c:v>
                </c:pt>
                <c:pt idx="1610">
                  <c:v>79300</c:v>
                </c:pt>
                <c:pt idx="1611">
                  <c:v>79350</c:v>
                </c:pt>
                <c:pt idx="1612">
                  <c:v>79400</c:v>
                </c:pt>
                <c:pt idx="1613">
                  <c:v>79450</c:v>
                </c:pt>
                <c:pt idx="1614">
                  <c:v>79500</c:v>
                </c:pt>
                <c:pt idx="1615">
                  <c:v>79550</c:v>
                </c:pt>
                <c:pt idx="1616">
                  <c:v>79600</c:v>
                </c:pt>
                <c:pt idx="1617">
                  <c:v>79650</c:v>
                </c:pt>
                <c:pt idx="1618">
                  <c:v>79700</c:v>
                </c:pt>
                <c:pt idx="1619">
                  <c:v>79750</c:v>
                </c:pt>
                <c:pt idx="1620">
                  <c:v>79800</c:v>
                </c:pt>
                <c:pt idx="1621">
                  <c:v>79850</c:v>
                </c:pt>
                <c:pt idx="1622">
                  <c:v>79900</c:v>
                </c:pt>
                <c:pt idx="1623">
                  <c:v>79950</c:v>
                </c:pt>
                <c:pt idx="1625">
                  <c:v>80000</c:v>
                </c:pt>
                <c:pt idx="1626">
                  <c:v>80050</c:v>
                </c:pt>
                <c:pt idx="1627">
                  <c:v>80100</c:v>
                </c:pt>
                <c:pt idx="1628">
                  <c:v>80150</c:v>
                </c:pt>
                <c:pt idx="1629">
                  <c:v>80200</c:v>
                </c:pt>
                <c:pt idx="1630">
                  <c:v>80250</c:v>
                </c:pt>
                <c:pt idx="1631">
                  <c:v>80300</c:v>
                </c:pt>
                <c:pt idx="1632">
                  <c:v>80350</c:v>
                </c:pt>
                <c:pt idx="1633">
                  <c:v>80400</c:v>
                </c:pt>
                <c:pt idx="1634">
                  <c:v>80450</c:v>
                </c:pt>
                <c:pt idx="1635">
                  <c:v>80500</c:v>
                </c:pt>
                <c:pt idx="1636">
                  <c:v>80550</c:v>
                </c:pt>
                <c:pt idx="1637">
                  <c:v>80600</c:v>
                </c:pt>
                <c:pt idx="1638">
                  <c:v>80650</c:v>
                </c:pt>
                <c:pt idx="1639">
                  <c:v>80700</c:v>
                </c:pt>
                <c:pt idx="1640">
                  <c:v>80750</c:v>
                </c:pt>
                <c:pt idx="1641">
                  <c:v>80800</c:v>
                </c:pt>
                <c:pt idx="1642">
                  <c:v>80850</c:v>
                </c:pt>
                <c:pt idx="1643">
                  <c:v>80900</c:v>
                </c:pt>
                <c:pt idx="1644">
                  <c:v>80950</c:v>
                </c:pt>
                <c:pt idx="1645">
                  <c:v>81000</c:v>
                </c:pt>
                <c:pt idx="1646">
                  <c:v>81050</c:v>
                </c:pt>
                <c:pt idx="1647">
                  <c:v>81100</c:v>
                </c:pt>
                <c:pt idx="1648">
                  <c:v>81150</c:v>
                </c:pt>
                <c:pt idx="1649">
                  <c:v>81200</c:v>
                </c:pt>
                <c:pt idx="1650">
                  <c:v>81250</c:v>
                </c:pt>
                <c:pt idx="1651">
                  <c:v>81300</c:v>
                </c:pt>
                <c:pt idx="1652">
                  <c:v>81350</c:v>
                </c:pt>
                <c:pt idx="1653">
                  <c:v>81400</c:v>
                </c:pt>
                <c:pt idx="1654">
                  <c:v>81450</c:v>
                </c:pt>
                <c:pt idx="1655">
                  <c:v>81500</c:v>
                </c:pt>
                <c:pt idx="1656">
                  <c:v>81550</c:v>
                </c:pt>
                <c:pt idx="1657">
                  <c:v>81600</c:v>
                </c:pt>
                <c:pt idx="1658">
                  <c:v>81650</c:v>
                </c:pt>
                <c:pt idx="1659">
                  <c:v>81700</c:v>
                </c:pt>
                <c:pt idx="1660">
                  <c:v>81750</c:v>
                </c:pt>
                <c:pt idx="1661">
                  <c:v>81800</c:v>
                </c:pt>
                <c:pt idx="1662">
                  <c:v>81850</c:v>
                </c:pt>
                <c:pt idx="1663">
                  <c:v>81900</c:v>
                </c:pt>
                <c:pt idx="1664">
                  <c:v>81950</c:v>
                </c:pt>
                <c:pt idx="1665">
                  <c:v>82000</c:v>
                </c:pt>
                <c:pt idx="1666">
                  <c:v>82050</c:v>
                </c:pt>
              </c:strCache>
            </c:strRef>
          </c:cat>
          <c:val>
            <c:numRef>
              <c:f>Sheet1!$C$2:$C$1669</c:f>
              <c:numCache>
                <c:formatCode>0.00%</c:formatCode>
                <c:ptCount val="1667"/>
                <c:pt idx="0">
                  <c:v>0</c:v>
                </c:pt>
                <c:pt idx="1">
                  <c:v>0.02</c:v>
                </c:pt>
                <c:pt idx="2">
                  <c:v>0</c:v>
                </c:pt>
                <c:pt idx="3">
                  <c:v>0.02</c:v>
                </c:pt>
                <c:pt idx="4">
                  <c:v>0.09</c:v>
                </c:pt>
                <c:pt idx="5">
                  <c:v>0.02</c:v>
                </c:pt>
                <c:pt idx="6">
                  <c:v>0.11</c:v>
                </c:pt>
                <c:pt idx="7">
                  <c:v>0.06</c:v>
                </c:pt>
                <c:pt idx="8">
                  <c:v>0.09</c:v>
                </c:pt>
                <c:pt idx="9">
                  <c:v>0.13</c:v>
                </c:pt>
                <c:pt idx="10">
                  <c:v>0.13</c:v>
                </c:pt>
                <c:pt idx="11">
                  <c:v>0.19</c:v>
                </c:pt>
                <c:pt idx="12">
                  <c:v>0.37</c:v>
                </c:pt>
                <c:pt idx="13">
                  <c:v>0.28999999999999998</c:v>
                </c:pt>
                <c:pt idx="14">
                  <c:v>0.22</c:v>
                </c:pt>
                <c:pt idx="15">
                  <c:v>0.25</c:v>
                </c:pt>
                <c:pt idx="16">
                  <c:v>0.22</c:v>
                </c:pt>
                <c:pt idx="17">
                  <c:v>0.4</c:v>
                </c:pt>
                <c:pt idx="18">
                  <c:v>0.38</c:v>
                </c:pt>
                <c:pt idx="19">
                  <c:v>0.4</c:v>
                </c:pt>
                <c:pt idx="20">
                  <c:v>0.25</c:v>
                </c:pt>
                <c:pt idx="21">
                  <c:v>0.41</c:v>
                </c:pt>
                <c:pt idx="22">
                  <c:v>0.42</c:v>
                </c:pt>
                <c:pt idx="23">
                  <c:v>0.37</c:v>
                </c:pt>
                <c:pt idx="24">
                  <c:v>0.46</c:v>
                </c:pt>
                <c:pt idx="25">
                  <c:v>0.14000000000000001</c:v>
                </c:pt>
                <c:pt idx="26">
                  <c:v>0.36</c:v>
                </c:pt>
                <c:pt idx="27">
                  <c:v>0.41</c:v>
                </c:pt>
                <c:pt idx="28">
                  <c:v>0.36</c:v>
                </c:pt>
                <c:pt idx="29">
                  <c:v>0.54</c:v>
                </c:pt>
                <c:pt idx="30">
                  <c:v>0.56999999999999995</c:v>
                </c:pt>
                <c:pt idx="31">
                  <c:v>0.4</c:v>
                </c:pt>
                <c:pt idx="32">
                  <c:v>0.35</c:v>
                </c:pt>
                <c:pt idx="33">
                  <c:v>0.52</c:v>
                </c:pt>
                <c:pt idx="34">
                  <c:v>0.35</c:v>
                </c:pt>
                <c:pt idx="35">
                  <c:v>0.46</c:v>
                </c:pt>
                <c:pt idx="36">
                  <c:v>0.41</c:v>
                </c:pt>
                <c:pt idx="37">
                  <c:v>0.42</c:v>
                </c:pt>
                <c:pt idx="38">
                  <c:v>0.38</c:v>
                </c:pt>
                <c:pt idx="39">
                  <c:v>0.22</c:v>
                </c:pt>
                <c:pt idx="40">
                  <c:v>0.44</c:v>
                </c:pt>
                <c:pt idx="41">
                  <c:v>0.45</c:v>
                </c:pt>
                <c:pt idx="42">
                  <c:v>0.44</c:v>
                </c:pt>
                <c:pt idx="43">
                  <c:v>0.47</c:v>
                </c:pt>
                <c:pt idx="44">
                  <c:v>0.38</c:v>
                </c:pt>
                <c:pt idx="45">
                  <c:v>0.42</c:v>
                </c:pt>
                <c:pt idx="46">
                  <c:v>0.42</c:v>
                </c:pt>
                <c:pt idx="47">
                  <c:v>0.48</c:v>
                </c:pt>
                <c:pt idx="48">
                  <c:v>0.3</c:v>
                </c:pt>
                <c:pt idx="49">
                  <c:v>0.42</c:v>
                </c:pt>
                <c:pt idx="50">
                  <c:v>0.55000000000000004</c:v>
                </c:pt>
                <c:pt idx="51">
                  <c:v>0.45</c:v>
                </c:pt>
                <c:pt idx="52">
                  <c:v>0.53</c:v>
                </c:pt>
                <c:pt idx="53">
                  <c:v>0.19</c:v>
                </c:pt>
                <c:pt idx="54">
                  <c:v>0.45</c:v>
                </c:pt>
                <c:pt idx="55">
                  <c:v>0.45</c:v>
                </c:pt>
                <c:pt idx="56">
                  <c:v>0.51</c:v>
                </c:pt>
                <c:pt idx="57">
                  <c:v>0.32</c:v>
                </c:pt>
                <c:pt idx="58">
                  <c:v>0.56999999999999995</c:v>
                </c:pt>
                <c:pt idx="59">
                  <c:v>0.54</c:v>
                </c:pt>
                <c:pt idx="60">
                  <c:v>0.48</c:v>
                </c:pt>
                <c:pt idx="61">
                  <c:v>0.47</c:v>
                </c:pt>
                <c:pt idx="62">
                  <c:v>0.38</c:v>
                </c:pt>
                <c:pt idx="63">
                  <c:v>0.44</c:v>
                </c:pt>
                <c:pt idx="64">
                  <c:v>0.53</c:v>
                </c:pt>
                <c:pt idx="65">
                  <c:v>0.45</c:v>
                </c:pt>
                <c:pt idx="66">
                  <c:v>0.31</c:v>
                </c:pt>
                <c:pt idx="67">
                  <c:v>0.52</c:v>
                </c:pt>
                <c:pt idx="68">
                  <c:v>0.45</c:v>
                </c:pt>
                <c:pt idx="69">
                  <c:v>0.56000000000000005</c:v>
                </c:pt>
                <c:pt idx="70">
                  <c:v>0.54</c:v>
                </c:pt>
                <c:pt idx="71">
                  <c:v>0.57999999999999996</c:v>
                </c:pt>
                <c:pt idx="72">
                  <c:v>0.43</c:v>
                </c:pt>
                <c:pt idx="73">
                  <c:v>0.48</c:v>
                </c:pt>
                <c:pt idx="74">
                  <c:v>0.49</c:v>
                </c:pt>
                <c:pt idx="75">
                  <c:v>0.47</c:v>
                </c:pt>
                <c:pt idx="76">
                  <c:v>0.54</c:v>
                </c:pt>
                <c:pt idx="77">
                  <c:v>0.56000000000000005</c:v>
                </c:pt>
                <c:pt idx="78">
                  <c:v>0.44</c:v>
                </c:pt>
                <c:pt idx="79">
                  <c:v>0.56000000000000005</c:v>
                </c:pt>
                <c:pt idx="80">
                  <c:v>0.56000000000000005</c:v>
                </c:pt>
                <c:pt idx="81">
                  <c:v>0.65</c:v>
                </c:pt>
                <c:pt idx="82">
                  <c:v>0.71</c:v>
                </c:pt>
                <c:pt idx="83">
                  <c:v>0.62</c:v>
                </c:pt>
                <c:pt idx="84">
                  <c:v>0.7</c:v>
                </c:pt>
                <c:pt idx="85">
                  <c:v>0.56999999999999995</c:v>
                </c:pt>
                <c:pt idx="86">
                  <c:v>0.6</c:v>
                </c:pt>
                <c:pt idx="87">
                  <c:v>0.62</c:v>
                </c:pt>
                <c:pt idx="88">
                  <c:v>0.77</c:v>
                </c:pt>
                <c:pt idx="89">
                  <c:v>0.66</c:v>
                </c:pt>
                <c:pt idx="90">
                  <c:v>0.62</c:v>
                </c:pt>
                <c:pt idx="91">
                  <c:v>0.76</c:v>
                </c:pt>
                <c:pt idx="92">
                  <c:v>0.57999999999999996</c:v>
                </c:pt>
                <c:pt idx="93">
                  <c:v>0.68</c:v>
                </c:pt>
                <c:pt idx="94">
                  <c:v>0.6</c:v>
                </c:pt>
                <c:pt idx="95">
                  <c:v>0.74</c:v>
                </c:pt>
                <c:pt idx="96">
                  <c:v>0.66</c:v>
                </c:pt>
                <c:pt idx="97">
                  <c:v>0.69</c:v>
                </c:pt>
                <c:pt idx="98">
                  <c:v>0.55000000000000004</c:v>
                </c:pt>
                <c:pt idx="99">
                  <c:v>0.71</c:v>
                </c:pt>
                <c:pt idx="100">
                  <c:v>0.67</c:v>
                </c:pt>
                <c:pt idx="101">
                  <c:v>0.64</c:v>
                </c:pt>
                <c:pt idx="102">
                  <c:v>0.74</c:v>
                </c:pt>
                <c:pt idx="103">
                  <c:v>0.74</c:v>
                </c:pt>
                <c:pt idx="104">
                  <c:v>0.85</c:v>
                </c:pt>
                <c:pt idx="105">
                  <c:v>0.61</c:v>
                </c:pt>
                <c:pt idx="106">
                  <c:v>0.73</c:v>
                </c:pt>
                <c:pt idx="107">
                  <c:v>0.64</c:v>
                </c:pt>
                <c:pt idx="108">
                  <c:v>0.84</c:v>
                </c:pt>
                <c:pt idx="109">
                  <c:v>0.78</c:v>
                </c:pt>
                <c:pt idx="110">
                  <c:v>0.87</c:v>
                </c:pt>
                <c:pt idx="111">
                  <c:v>0.83</c:v>
                </c:pt>
                <c:pt idx="112">
                  <c:v>0.64</c:v>
                </c:pt>
                <c:pt idx="113">
                  <c:v>0.78</c:v>
                </c:pt>
                <c:pt idx="114">
                  <c:v>0.7</c:v>
                </c:pt>
                <c:pt idx="115">
                  <c:v>0.75</c:v>
                </c:pt>
                <c:pt idx="116">
                  <c:v>0.84</c:v>
                </c:pt>
                <c:pt idx="117">
                  <c:v>0.82</c:v>
                </c:pt>
                <c:pt idx="118">
                  <c:v>0.62</c:v>
                </c:pt>
                <c:pt idx="119">
                  <c:v>0.78</c:v>
                </c:pt>
                <c:pt idx="120">
                  <c:v>0.64</c:v>
                </c:pt>
                <c:pt idx="121">
                  <c:v>0.7</c:v>
                </c:pt>
                <c:pt idx="122">
                  <c:v>0.7</c:v>
                </c:pt>
                <c:pt idx="123">
                  <c:v>0.77</c:v>
                </c:pt>
                <c:pt idx="124">
                  <c:v>0.77</c:v>
                </c:pt>
                <c:pt idx="125">
                  <c:v>0.57999999999999996</c:v>
                </c:pt>
                <c:pt idx="126">
                  <c:v>0.79</c:v>
                </c:pt>
                <c:pt idx="127">
                  <c:v>0.68</c:v>
                </c:pt>
                <c:pt idx="128">
                  <c:v>0.72</c:v>
                </c:pt>
                <c:pt idx="129">
                  <c:v>0.83</c:v>
                </c:pt>
                <c:pt idx="130">
                  <c:v>0.86</c:v>
                </c:pt>
                <c:pt idx="131">
                  <c:v>0.86</c:v>
                </c:pt>
                <c:pt idx="132">
                  <c:v>0.81</c:v>
                </c:pt>
                <c:pt idx="133">
                  <c:v>0.74</c:v>
                </c:pt>
                <c:pt idx="134">
                  <c:v>0.68</c:v>
                </c:pt>
                <c:pt idx="135">
                  <c:v>0.75</c:v>
                </c:pt>
                <c:pt idx="136">
                  <c:v>0.85</c:v>
                </c:pt>
                <c:pt idx="137">
                  <c:v>0.69</c:v>
                </c:pt>
                <c:pt idx="138">
                  <c:v>0.85</c:v>
                </c:pt>
                <c:pt idx="139">
                  <c:v>0.83</c:v>
                </c:pt>
                <c:pt idx="140">
                  <c:v>0.82</c:v>
                </c:pt>
                <c:pt idx="141">
                  <c:v>0.73</c:v>
                </c:pt>
                <c:pt idx="142">
                  <c:v>0.81</c:v>
                </c:pt>
                <c:pt idx="143">
                  <c:v>0.76</c:v>
                </c:pt>
                <c:pt idx="144">
                  <c:v>0.81</c:v>
                </c:pt>
                <c:pt idx="145">
                  <c:v>0.7</c:v>
                </c:pt>
                <c:pt idx="146">
                  <c:v>0.91</c:v>
                </c:pt>
                <c:pt idx="147">
                  <c:v>0.82</c:v>
                </c:pt>
                <c:pt idx="148">
                  <c:v>0.88</c:v>
                </c:pt>
                <c:pt idx="149">
                  <c:v>0.7</c:v>
                </c:pt>
                <c:pt idx="150">
                  <c:v>0</c:v>
                </c:pt>
                <c:pt idx="151">
                  <c:v>0</c:v>
                </c:pt>
                <c:pt idx="152">
                  <c:v>0.05</c:v>
                </c:pt>
                <c:pt idx="153">
                  <c:v>0.03</c:v>
                </c:pt>
                <c:pt idx="154">
                  <c:v>0.02</c:v>
                </c:pt>
                <c:pt idx="155">
                  <c:v>0.01</c:v>
                </c:pt>
                <c:pt idx="156">
                  <c:v>0.04</c:v>
                </c:pt>
                <c:pt idx="157">
                  <c:v>0.05</c:v>
                </c:pt>
                <c:pt idx="158">
                  <c:v>0</c:v>
                </c:pt>
                <c:pt idx="159">
                  <c:v>0</c:v>
                </c:pt>
                <c:pt idx="160">
                  <c:v>0</c:v>
                </c:pt>
                <c:pt idx="161">
                  <c:v>0.03</c:v>
                </c:pt>
                <c:pt idx="162">
                  <c:v>0.01</c:v>
                </c:pt>
                <c:pt idx="163">
                  <c:v>0</c:v>
                </c:pt>
                <c:pt idx="164">
                  <c:v>0.05</c:v>
                </c:pt>
                <c:pt idx="165">
                  <c:v>0.03</c:v>
                </c:pt>
                <c:pt idx="166">
                  <c:v>0.01</c:v>
                </c:pt>
                <c:pt idx="167">
                  <c:v>0.06</c:v>
                </c:pt>
                <c:pt idx="168">
                  <c:v>0</c:v>
                </c:pt>
                <c:pt idx="169">
                  <c:v>0</c:v>
                </c:pt>
                <c:pt idx="170">
                  <c:v>0</c:v>
                </c:pt>
                <c:pt idx="171">
                  <c:v>0.03</c:v>
                </c:pt>
                <c:pt idx="172">
                  <c:v>0.06</c:v>
                </c:pt>
                <c:pt idx="173">
                  <c:v>0.03</c:v>
                </c:pt>
                <c:pt idx="174">
                  <c:v>0.08</c:v>
                </c:pt>
                <c:pt idx="175">
                  <c:v>0.04</c:v>
                </c:pt>
                <c:pt idx="176">
                  <c:v>0.02</c:v>
                </c:pt>
                <c:pt idx="177">
                  <c:v>0.08</c:v>
                </c:pt>
                <c:pt idx="178">
                  <c:v>0.01</c:v>
                </c:pt>
                <c:pt idx="179">
                  <c:v>0.09</c:v>
                </c:pt>
                <c:pt idx="180">
                  <c:v>0.04</c:v>
                </c:pt>
                <c:pt idx="181">
                  <c:v>0.13</c:v>
                </c:pt>
                <c:pt idx="182">
                  <c:v>0.11</c:v>
                </c:pt>
                <c:pt idx="183">
                  <c:v>0.1</c:v>
                </c:pt>
                <c:pt idx="184">
                  <c:v>0.06</c:v>
                </c:pt>
                <c:pt idx="185">
                  <c:v>0.17</c:v>
                </c:pt>
                <c:pt idx="186">
                  <c:v>0.11</c:v>
                </c:pt>
                <c:pt idx="187">
                  <c:v>0.11</c:v>
                </c:pt>
                <c:pt idx="188">
                  <c:v>0.15</c:v>
                </c:pt>
                <c:pt idx="189">
                  <c:v>0.3</c:v>
                </c:pt>
                <c:pt idx="190">
                  <c:v>0.2</c:v>
                </c:pt>
                <c:pt idx="191">
                  <c:v>0.19</c:v>
                </c:pt>
                <c:pt idx="192">
                  <c:v>0.37</c:v>
                </c:pt>
                <c:pt idx="193">
                  <c:v>0.35</c:v>
                </c:pt>
                <c:pt idx="194">
                  <c:v>0.31</c:v>
                </c:pt>
                <c:pt idx="195">
                  <c:v>0.27</c:v>
                </c:pt>
                <c:pt idx="196">
                  <c:v>0.47</c:v>
                </c:pt>
                <c:pt idx="197">
                  <c:v>0.53</c:v>
                </c:pt>
                <c:pt idx="198">
                  <c:v>0.45</c:v>
                </c:pt>
                <c:pt idx="199">
                  <c:v>0.5</c:v>
                </c:pt>
                <c:pt idx="200">
                  <c:v>0.28000000000000003</c:v>
                </c:pt>
                <c:pt idx="201">
                  <c:v>0.15</c:v>
                </c:pt>
                <c:pt idx="202">
                  <c:v>0.37</c:v>
                </c:pt>
                <c:pt idx="203">
                  <c:v>0.08</c:v>
                </c:pt>
                <c:pt idx="204">
                  <c:v>0.08</c:v>
                </c:pt>
                <c:pt idx="205">
                  <c:v>0.15</c:v>
                </c:pt>
                <c:pt idx="206">
                  <c:v>0.41</c:v>
                </c:pt>
                <c:pt idx="207">
                  <c:v>0.12</c:v>
                </c:pt>
                <c:pt idx="208">
                  <c:v>0.32</c:v>
                </c:pt>
                <c:pt idx="209">
                  <c:v>0.19</c:v>
                </c:pt>
                <c:pt idx="210">
                  <c:v>0.35</c:v>
                </c:pt>
                <c:pt idx="211">
                  <c:v>0.1</c:v>
                </c:pt>
                <c:pt idx="212">
                  <c:v>0.33</c:v>
                </c:pt>
                <c:pt idx="213">
                  <c:v>0.45</c:v>
                </c:pt>
                <c:pt idx="214">
                  <c:v>0.15</c:v>
                </c:pt>
                <c:pt idx="215">
                  <c:v>0.27</c:v>
                </c:pt>
                <c:pt idx="216">
                  <c:v>0.43</c:v>
                </c:pt>
                <c:pt idx="217">
                  <c:v>0.53</c:v>
                </c:pt>
                <c:pt idx="218">
                  <c:v>0.36</c:v>
                </c:pt>
                <c:pt idx="219">
                  <c:v>0.4</c:v>
                </c:pt>
                <c:pt idx="220">
                  <c:v>0.48</c:v>
                </c:pt>
                <c:pt idx="221">
                  <c:v>0.42</c:v>
                </c:pt>
                <c:pt idx="222">
                  <c:v>0.44</c:v>
                </c:pt>
                <c:pt idx="223">
                  <c:v>0.54</c:v>
                </c:pt>
                <c:pt idx="224">
                  <c:v>0.71</c:v>
                </c:pt>
                <c:pt idx="225">
                  <c:v>0.52</c:v>
                </c:pt>
                <c:pt idx="226">
                  <c:v>0.61</c:v>
                </c:pt>
                <c:pt idx="227">
                  <c:v>0.71</c:v>
                </c:pt>
                <c:pt idx="228">
                  <c:v>0.61</c:v>
                </c:pt>
                <c:pt idx="229">
                  <c:v>0.66</c:v>
                </c:pt>
                <c:pt idx="230">
                  <c:v>0.57999999999999996</c:v>
                </c:pt>
                <c:pt idx="231">
                  <c:v>0.67</c:v>
                </c:pt>
                <c:pt idx="232">
                  <c:v>0.76</c:v>
                </c:pt>
                <c:pt idx="233">
                  <c:v>0.63</c:v>
                </c:pt>
                <c:pt idx="234">
                  <c:v>0.5</c:v>
                </c:pt>
                <c:pt idx="235">
                  <c:v>0.68</c:v>
                </c:pt>
                <c:pt idx="236">
                  <c:v>0.31</c:v>
                </c:pt>
                <c:pt idx="237">
                  <c:v>0.59</c:v>
                </c:pt>
                <c:pt idx="238">
                  <c:v>0.62</c:v>
                </c:pt>
                <c:pt idx="239">
                  <c:v>0.69</c:v>
                </c:pt>
                <c:pt idx="240">
                  <c:v>0.77</c:v>
                </c:pt>
                <c:pt idx="241">
                  <c:v>0.66</c:v>
                </c:pt>
                <c:pt idx="242">
                  <c:v>0.76</c:v>
                </c:pt>
                <c:pt idx="243">
                  <c:v>0.65</c:v>
                </c:pt>
                <c:pt idx="244">
                  <c:v>0.74</c:v>
                </c:pt>
                <c:pt idx="245">
                  <c:v>0.69</c:v>
                </c:pt>
                <c:pt idx="246">
                  <c:v>0.81</c:v>
                </c:pt>
                <c:pt idx="247">
                  <c:v>0.61</c:v>
                </c:pt>
                <c:pt idx="248">
                  <c:v>0.82</c:v>
                </c:pt>
                <c:pt idx="249">
                  <c:v>0.78</c:v>
                </c:pt>
                <c:pt idx="250">
                  <c:v>0.65</c:v>
                </c:pt>
                <c:pt idx="251">
                  <c:v>0.8</c:v>
                </c:pt>
                <c:pt idx="252">
                  <c:v>0.73</c:v>
                </c:pt>
                <c:pt idx="253">
                  <c:v>0.14000000000000001</c:v>
                </c:pt>
                <c:pt idx="254">
                  <c:v>0.63</c:v>
                </c:pt>
                <c:pt idx="255">
                  <c:v>0.52</c:v>
                </c:pt>
                <c:pt idx="256">
                  <c:v>0.25</c:v>
                </c:pt>
                <c:pt idx="257">
                  <c:v>0.31</c:v>
                </c:pt>
                <c:pt idx="258">
                  <c:v>0.5</c:v>
                </c:pt>
                <c:pt idx="259">
                  <c:v>0.71</c:v>
                </c:pt>
                <c:pt idx="260">
                  <c:v>0.51</c:v>
                </c:pt>
                <c:pt idx="261">
                  <c:v>0.51</c:v>
                </c:pt>
                <c:pt idx="262">
                  <c:v>0.68</c:v>
                </c:pt>
                <c:pt idx="263">
                  <c:v>0.78</c:v>
                </c:pt>
                <c:pt idx="264">
                  <c:v>0.7</c:v>
                </c:pt>
                <c:pt idx="265">
                  <c:v>0.74</c:v>
                </c:pt>
                <c:pt idx="266">
                  <c:v>0.47</c:v>
                </c:pt>
                <c:pt idx="267">
                  <c:v>0.78</c:v>
                </c:pt>
                <c:pt idx="268">
                  <c:v>0.75</c:v>
                </c:pt>
                <c:pt idx="269">
                  <c:v>0.82</c:v>
                </c:pt>
                <c:pt idx="270">
                  <c:v>0.63</c:v>
                </c:pt>
                <c:pt idx="271">
                  <c:v>0.8</c:v>
                </c:pt>
                <c:pt idx="272">
                  <c:v>0.73</c:v>
                </c:pt>
                <c:pt idx="273">
                  <c:v>0.7</c:v>
                </c:pt>
                <c:pt idx="274">
                  <c:v>0.68</c:v>
                </c:pt>
                <c:pt idx="275">
                  <c:v>0.76</c:v>
                </c:pt>
                <c:pt idx="276">
                  <c:v>0.46</c:v>
                </c:pt>
                <c:pt idx="277">
                  <c:v>0.78</c:v>
                </c:pt>
                <c:pt idx="278">
                  <c:v>0.6</c:v>
                </c:pt>
                <c:pt idx="279">
                  <c:v>0.79</c:v>
                </c:pt>
                <c:pt idx="280">
                  <c:v>0.77</c:v>
                </c:pt>
                <c:pt idx="281">
                  <c:v>0.7</c:v>
                </c:pt>
                <c:pt idx="282">
                  <c:v>0.79</c:v>
                </c:pt>
                <c:pt idx="283">
                  <c:v>0.64</c:v>
                </c:pt>
                <c:pt idx="284">
                  <c:v>0.83</c:v>
                </c:pt>
                <c:pt idx="285">
                  <c:v>0.34</c:v>
                </c:pt>
                <c:pt idx="286">
                  <c:v>0.01</c:v>
                </c:pt>
                <c:pt idx="287">
                  <c:v>0</c:v>
                </c:pt>
                <c:pt idx="288">
                  <c:v>0.01</c:v>
                </c:pt>
                <c:pt idx="289">
                  <c:v>0.1</c:v>
                </c:pt>
                <c:pt idx="290">
                  <c:v>0.08</c:v>
                </c:pt>
                <c:pt idx="291">
                  <c:v>0.18</c:v>
                </c:pt>
                <c:pt idx="292">
                  <c:v>0.05</c:v>
                </c:pt>
                <c:pt idx="293">
                  <c:v>0</c:v>
                </c:pt>
                <c:pt idx="294">
                  <c:v>7.0000000000000007E-2</c:v>
                </c:pt>
                <c:pt idx="295">
                  <c:v>0.02</c:v>
                </c:pt>
                <c:pt idx="296">
                  <c:v>0.05</c:v>
                </c:pt>
                <c:pt idx="297">
                  <c:v>0.02</c:v>
                </c:pt>
                <c:pt idx="298">
                  <c:v>0.09</c:v>
                </c:pt>
                <c:pt idx="299">
                  <c:v>0.09</c:v>
                </c:pt>
                <c:pt idx="300">
                  <c:v>0.01</c:v>
                </c:pt>
                <c:pt idx="301">
                  <c:v>0.05</c:v>
                </c:pt>
                <c:pt idx="302">
                  <c:v>0.01</c:v>
                </c:pt>
                <c:pt idx="303">
                  <c:v>0.06</c:v>
                </c:pt>
                <c:pt idx="304">
                  <c:v>0.09</c:v>
                </c:pt>
                <c:pt idx="305">
                  <c:v>0</c:v>
                </c:pt>
                <c:pt idx="306">
                  <c:v>0.05</c:v>
                </c:pt>
                <c:pt idx="307">
                  <c:v>7.0000000000000007E-2</c:v>
                </c:pt>
                <c:pt idx="308">
                  <c:v>0</c:v>
                </c:pt>
                <c:pt idx="309">
                  <c:v>0.02</c:v>
                </c:pt>
                <c:pt idx="310">
                  <c:v>0</c:v>
                </c:pt>
                <c:pt idx="311">
                  <c:v>0</c:v>
                </c:pt>
                <c:pt idx="312">
                  <c:v>0.02</c:v>
                </c:pt>
                <c:pt idx="313">
                  <c:v>0</c:v>
                </c:pt>
                <c:pt idx="314">
                  <c:v>0.05</c:v>
                </c:pt>
                <c:pt idx="315">
                  <c:v>0</c:v>
                </c:pt>
                <c:pt idx="316">
                  <c:v>0.11</c:v>
                </c:pt>
                <c:pt idx="317">
                  <c:v>0</c:v>
                </c:pt>
                <c:pt idx="318">
                  <c:v>0.04</c:v>
                </c:pt>
                <c:pt idx="319">
                  <c:v>0.01</c:v>
                </c:pt>
                <c:pt idx="320">
                  <c:v>0.02</c:v>
                </c:pt>
                <c:pt idx="321">
                  <c:v>0.06</c:v>
                </c:pt>
                <c:pt idx="322">
                  <c:v>0.01</c:v>
                </c:pt>
                <c:pt idx="323">
                  <c:v>0.08</c:v>
                </c:pt>
                <c:pt idx="324">
                  <c:v>0</c:v>
                </c:pt>
                <c:pt idx="325">
                  <c:v>7.0000000000000007E-2</c:v>
                </c:pt>
                <c:pt idx="326">
                  <c:v>0.03</c:v>
                </c:pt>
                <c:pt idx="327">
                  <c:v>0.04</c:v>
                </c:pt>
                <c:pt idx="328">
                  <c:v>0</c:v>
                </c:pt>
                <c:pt idx="329">
                  <c:v>7.0000000000000007E-2</c:v>
                </c:pt>
                <c:pt idx="330">
                  <c:v>0.04</c:v>
                </c:pt>
                <c:pt idx="331">
                  <c:v>0.05</c:v>
                </c:pt>
                <c:pt idx="332">
                  <c:v>0.02</c:v>
                </c:pt>
                <c:pt idx="333">
                  <c:v>0.02</c:v>
                </c:pt>
                <c:pt idx="334">
                  <c:v>0.09</c:v>
                </c:pt>
                <c:pt idx="335">
                  <c:v>7.0000000000000007E-2</c:v>
                </c:pt>
                <c:pt idx="336">
                  <c:v>0.03</c:v>
                </c:pt>
                <c:pt idx="337">
                  <c:v>0.06</c:v>
                </c:pt>
                <c:pt idx="338">
                  <c:v>0.13</c:v>
                </c:pt>
                <c:pt idx="339">
                  <c:v>0.1</c:v>
                </c:pt>
                <c:pt idx="340">
                  <c:v>0.11</c:v>
                </c:pt>
                <c:pt idx="341">
                  <c:v>0.12</c:v>
                </c:pt>
                <c:pt idx="342">
                  <c:v>0.08</c:v>
                </c:pt>
                <c:pt idx="343">
                  <c:v>0.12</c:v>
                </c:pt>
                <c:pt idx="344">
                  <c:v>0.13</c:v>
                </c:pt>
                <c:pt idx="345">
                  <c:v>0.19</c:v>
                </c:pt>
                <c:pt idx="346">
                  <c:v>0.17</c:v>
                </c:pt>
                <c:pt idx="347">
                  <c:v>0.23</c:v>
                </c:pt>
                <c:pt idx="348">
                  <c:v>0.2</c:v>
                </c:pt>
                <c:pt idx="349">
                  <c:v>0.15</c:v>
                </c:pt>
                <c:pt idx="350">
                  <c:v>0.31</c:v>
                </c:pt>
                <c:pt idx="351">
                  <c:v>0.36</c:v>
                </c:pt>
                <c:pt idx="352">
                  <c:v>0.36</c:v>
                </c:pt>
                <c:pt idx="353">
                  <c:v>0.33</c:v>
                </c:pt>
                <c:pt idx="354">
                  <c:v>0.22</c:v>
                </c:pt>
                <c:pt idx="355">
                  <c:v>0.47</c:v>
                </c:pt>
                <c:pt idx="356">
                  <c:v>0.36</c:v>
                </c:pt>
                <c:pt idx="357">
                  <c:v>0.41</c:v>
                </c:pt>
                <c:pt idx="358">
                  <c:v>0.56000000000000005</c:v>
                </c:pt>
                <c:pt idx="359">
                  <c:v>0.47</c:v>
                </c:pt>
                <c:pt idx="360">
                  <c:v>0.51</c:v>
                </c:pt>
                <c:pt idx="361">
                  <c:v>0.56000000000000005</c:v>
                </c:pt>
                <c:pt idx="362">
                  <c:v>0.51</c:v>
                </c:pt>
                <c:pt idx="363">
                  <c:v>0.64</c:v>
                </c:pt>
                <c:pt idx="364">
                  <c:v>0.61</c:v>
                </c:pt>
                <c:pt idx="365">
                  <c:v>0.59</c:v>
                </c:pt>
                <c:pt idx="366">
                  <c:v>0.54</c:v>
                </c:pt>
                <c:pt idx="367">
                  <c:v>0.47</c:v>
                </c:pt>
                <c:pt idx="368">
                  <c:v>0.48</c:v>
                </c:pt>
                <c:pt idx="369">
                  <c:v>0.47</c:v>
                </c:pt>
                <c:pt idx="370">
                  <c:v>0.55000000000000004</c:v>
                </c:pt>
                <c:pt idx="371">
                  <c:v>0.56000000000000005</c:v>
                </c:pt>
                <c:pt idx="372">
                  <c:v>0.45</c:v>
                </c:pt>
                <c:pt idx="373">
                  <c:v>0</c:v>
                </c:pt>
                <c:pt idx="374">
                  <c:v>0.3</c:v>
                </c:pt>
                <c:pt idx="375">
                  <c:v>0.56999999999999995</c:v>
                </c:pt>
                <c:pt idx="376">
                  <c:v>0.41</c:v>
                </c:pt>
                <c:pt idx="377">
                  <c:v>0.44</c:v>
                </c:pt>
                <c:pt idx="378">
                  <c:v>0.59</c:v>
                </c:pt>
                <c:pt idx="379">
                  <c:v>0.35</c:v>
                </c:pt>
                <c:pt idx="380">
                  <c:v>0.31</c:v>
                </c:pt>
                <c:pt idx="381">
                  <c:v>0.48</c:v>
                </c:pt>
                <c:pt idx="382">
                  <c:v>0.56000000000000005</c:v>
                </c:pt>
                <c:pt idx="383">
                  <c:v>0.39</c:v>
                </c:pt>
                <c:pt idx="384">
                  <c:v>0.66</c:v>
                </c:pt>
                <c:pt idx="385">
                  <c:v>0.54</c:v>
                </c:pt>
                <c:pt idx="386">
                  <c:v>0.55000000000000004</c:v>
                </c:pt>
                <c:pt idx="387">
                  <c:v>0.5</c:v>
                </c:pt>
                <c:pt idx="388">
                  <c:v>0.59</c:v>
                </c:pt>
                <c:pt idx="389">
                  <c:v>0.47</c:v>
                </c:pt>
                <c:pt idx="390">
                  <c:v>0.59</c:v>
                </c:pt>
                <c:pt idx="391">
                  <c:v>0.69</c:v>
                </c:pt>
                <c:pt idx="392">
                  <c:v>0.56999999999999995</c:v>
                </c:pt>
                <c:pt idx="393">
                  <c:v>0.62</c:v>
                </c:pt>
                <c:pt idx="394">
                  <c:v>0.64</c:v>
                </c:pt>
                <c:pt idx="395">
                  <c:v>0.55000000000000004</c:v>
                </c:pt>
                <c:pt idx="396">
                  <c:v>0.71</c:v>
                </c:pt>
                <c:pt idx="397">
                  <c:v>0.52</c:v>
                </c:pt>
                <c:pt idx="398">
                  <c:v>0.64</c:v>
                </c:pt>
                <c:pt idx="399">
                  <c:v>0.66</c:v>
                </c:pt>
                <c:pt idx="401">
                  <c:v>0.73</c:v>
                </c:pt>
                <c:pt idx="402">
                  <c:v>0.67</c:v>
                </c:pt>
                <c:pt idx="403">
                  <c:v>0.68</c:v>
                </c:pt>
                <c:pt idx="404">
                  <c:v>0.44</c:v>
                </c:pt>
                <c:pt idx="405">
                  <c:v>0.24</c:v>
                </c:pt>
                <c:pt idx="406">
                  <c:v>0.26</c:v>
                </c:pt>
                <c:pt idx="407">
                  <c:v>0.5</c:v>
                </c:pt>
                <c:pt idx="408">
                  <c:v>0.56000000000000005</c:v>
                </c:pt>
                <c:pt idx="409">
                  <c:v>0.51</c:v>
                </c:pt>
                <c:pt idx="410">
                  <c:v>0.46</c:v>
                </c:pt>
                <c:pt idx="411">
                  <c:v>0.56999999999999995</c:v>
                </c:pt>
                <c:pt idx="412">
                  <c:v>0.68</c:v>
                </c:pt>
                <c:pt idx="413">
                  <c:v>0.66</c:v>
                </c:pt>
                <c:pt idx="414">
                  <c:v>0.59</c:v>
                </c:pt>
                <c:pt idx="415">
                  <c:v>0.69</c:v>
                </c:pt>
                <c:pt idx="416">
                  <c:v>0.63</c:v>
                </c:pt>
                <c:pt idx="417">
                  <c:v>0.57999999999999996</c:v>
                </c:pt>
                <c:pt idx="418">
                  <c:v>0.71</c:v>
                </c:pt>
                <c:pt idx="419">
                  <c:v>0.73</c:v>
                </c:pt>
                <c:pt idx="420">
                  <c:v>0.64</c:v>
                </c:pt>
                <c:pt idx="421">
                  <c:v>0.75</c:v>
                </c:pt>
                <c:pt idx="422">
                  <c:v>0.66</c:v>
                </c:pt>
                <c:pt idx="423">
                  <c:v>0.68</c:v>
                </c:pt>
                <c:pt idx="424">
                  <c:v>0.44</c:v>
                </c:pt>
                <c:pt idx="425">
                  <c:v>0.24</c:v>
                </c:pt>
                <c:pt idx="426">
                  <c:v>0.26</c:v>
                </c:pt>
                <c:pt idx="427">
                  <c:v>0.5</c:v>
                </c:pt>
                <c:pt idx="428">
                  <c:v>0.56000000000000005</c:v>
                </c:pt>
                <c:pt idx="429">
                  <c:v>0.51</c:v>
                </c:pt>
                <c:pt idx="430">
                  <c:v>0.46</c:v>
                </c:pt>
                <c:pt idx="431">
                  <c:v>0.56999999999999995</c:v>
                </c:pt>
                <c:pt idx="432">
                  <c:v>0.68</c:v>
                </c:pt>
                <c:pt idx="433">
                  <c:v>0.66</c:v>
                </c:pt>
                <c:pt idx="434">
                  <c:v>0.59</c:v>
                </c:pt>
                <c:pt idx="435">
                  <c:v>0.69</c:v>
                </c:pt>
                <c:pt idx="436">
                  <c:v>0.63</c:v>
                </c:pt>
                <c:pt idx="437">
                  <c:v>0.57999999999999996</c:v>
                </c:pt>
                <c:pt idx="438">
                  <c:v>0.71</c:v>
                </c:pt>
                <c:pt idx="439">
                  <c:v>0.73</c:v>
                </c:pt>
                <c:pt idx="440">
                  <c:v>0.64</c:v>
                </c:pt>
                <c:pt idx="441">
                  <c:v>0.75</c:v>
                </c:pt>
                <c:pt idx="442">
                  <c:v>0.66</c:v>
                </c:pt>
                <c:pt idx="443">
                  <c:v>0.67</c:v>
                </c:pt>
                <c:pt idx="444">
                  <c:v>0.37</c:v>
                </c:pt>
                <c:pt idx="445">
                  <c:v>0.61</c:v>
                </c:pt>
                <c:pt idx="446">
                  <c:v>0.68</c:v>
                </c:pt>
                <c:pt idx="447">
                  <c:v>0.78</c:v>
                </c:pt>
                <c:pt idx="448">
                  <c:v>0.01</c:v>
                </c:pt>
                <c:pt idx="449">
                  <c:v>0.05</c:v>
                </c:pt>
                <c:pt idx="450">
                  <c:v>0.53</c:v>
                </c:pt>
                <c:pt idx="451">
                  <c:v>0.4</c:v>
                </c:pt>
                <c:pt idx="452">
                  <c:v>0.45</c:v>
                </c:pt>
                <c:pt idx="453">
                  <c:v>0.49</c:v>
                </c:pt>
                <c:pt idx="454">
                  <c:v>0.72</c:v>
                </c:pt>
                <c:pt idx="455">
                  <c:v>0.24</c:v>
                </c:pt>
                <c:pt idx="456">
                  <c:v>0.13</c:v>
                </c:pt>
                <c:pt idx="457">
                  <c:v>0.23</c:v>
                </c:pt>
                <c:pt idx="458">
                  <c:v>0.55000000000000004</c:v>
                </c:pt>
                <c:pt idx="459">
                  <c:v>0.45</c:v>
                </c:pt>
                <c:pt idx="460">
                  <c:v>0.52</c:v>
                </c:pt>
                <c:pt idx="461">
                  <c:v>0.69</c:v>
                </c:pt>
                <c:pt idx="462">
                  <c:v>0.71</c:v>
                </c:pt>
                <c:pt idx="463">
                  <c:v>0.7</c:v>
                </c:pt>
                <c:pt idx="464">
                  <c:v>0.73</c:v>
                </c:pt>
                <c:pt idx="465">
                  <c:v>0.64</c:v>
                </c:pt>
                <c:pt idx="466">
                  <c:v>0.67</c:v>
                </c:pt>
                <c:pt idx="467">
                  <c:v>0.77</c:v>
                </c:pt>
                <c:pt idx="468">
                  <c:v>0.72</c:v>
                </c:pt>
                <c:pt idx="469">
                  <c:v>0.67</c:v>
                </c:pt>
                <c:pt idx="470">
                  <c:v>0.77</c:v>
                </c:pt>
                <c:pt idx="471">
                  <c:v>0.7</c:v>
                </c:pt>
                <c:pt idx="472">
                  <c:v>0.75</c:v>
                </c:pt>
                <c:pt idx="473">
                  <c:v>0.77</c:v>
                </c:pt>
                <c:pt idx="474">
                  <c:v>0.75</c:v>
                </c:pt>
                <c:pt idx="475">
                  <c:v>0.81</c:v>
                </c:pt>
                <c:pt idx="476">
                  <c:v>0.81</c:v>
                </c:pt>
                <c:pt idx="477">
                  <c:v>0.82</c:v>
                </c:pt>
                <c:pt idx="478">
                  <c:v>0.76</c:v>
                </c:pt>
                <c:pt idx="479">
                  <c:v>0.82</c:v>
                </c:pt>
                <c:pt idx="480">
                  <c:v>0.78</c:v>
                </c:pt>
                <c:pt idx="481">
                  <c:v>0.8</c:v>
                </c:pt>
                <c:pt idx="482">
                  <c:v>0.66</c:v>
                </c:pt>
                <c:pt idx="483">
                  <c:v>0.8</c:v>
                </c:pt>
                <c:pt idx="484">
                  <c:v>0.69</c:v>
                </c:pt>
                <c:pt idx="485">
                  <c:v>0.74</c:v>
                </c:pt>
                <c:pt idx="486">
                  <c:v>0.86</c:v>
                </c:pt>
                <c:pt idx="487">
                  <c:v>0.75</c:v>
                </c:pt>
                <c:pt idx="488">
                  <c:v>0.62</c:v>
                </c:pt>
                <c:pt idx="489">
                  <c:v>0.63</c:v>
                </c:pt>
                <c:pt idx="490">
                  <c:v>0.7</c:v>
                </c:pt>
                <c:pt idx="491">
                  <c:v>0.68</c:v>
                </c:pt>
                <c:pt idx="492">
                  <c:v>0.85</c:v>
                </c:pt>
                <c:pt idx="493">
                  <c:v>0.69</c:v>
                </c:pt>
                <c:pt idx="494">
                  <c:v>0.79</c:v>
                </c:pt>
                <c:pt idx="495">
                  <c:v>0.67</c:v>
                </c:pt>
                <c:pt idx="496">
                  <c:v>0.72</c:v>
                </c:pt>
                <c:pt idx="497">
                  <c:v>0.73</c:v>
                </c:pt>
                <c:pt idx="498">
                  <c:v>0.76</c:v>
                </c:pt>
                <c:pt idx="499">
                  <c:v>0.61</c:v>
                </c:pt>
                <c:pt idx="500">
                  <c:v>0.77</c:v>
                </c:pt>
                <c:pt idx="501">
                  <c:v>0.7</c:v>
                </c:pt>
                <c:pt idx="502">
                  <c:v>0.66</c:v>
                </c:pt>
                <c:pt idx="503">
                  <c:v>0.62</c:v>
                </c:pt>
                <c:pt idx="504">
                  <c:v>0.57999999999999996</c:v>
                </c:pt>
                <c:pt idx="505">
                  <c:v>0.79</c:v>
                </c:pt>
                <c:pt idx="506">
                  <c:v>0.63</c:v>
                </c:pt>
                <c:pt idx="507">
                  <c:v>0.79</c:v>
                </c:pt>
                <c:pt idx="508">
                  <c:v>0.75</c:v>
                </c:pt>
                <c:pt idx="509">
                  <c:v>0.73</c:v>
                </c:pt>
                <c:pt idx="510">
                  <c:v>0.75</c:v>
                </c:pt>
                <c:pt idx="511">
                  <c:v>0.74</c:v>
                </c:pt>
                <c:pt idx="512">
                  <c:v>0.76</c:v>
                </c:pt>
                <c:pt idx="513">
                  <c:v>0.8</c:v>
                </c:pt>
                <c:pt idx="514">
                  <c:v>0.78</c:v>
                </c:pt>
                <c:pt idx="515">
                  <c:v>0.79</c:v>
                </c:pt>
                <c:pt idx="516">
                  <c:v>0.85</c:v>
                </c:pt>
                <c:pt idx="517">
                  <c:v>0.75</c:v>
                </c:pt>
                <c:pt idx="518">
                  <c:v>0.88</c:v>
                </c:pt>
                <c:pt idx="519">
                  <c:v>0.8</c:v>
                </c:pt>
                <c:pt idx="520">
                  <c:v>0.79</c:v>
                </c:pt>
                <c:pt idx="521">
                  <c:v>0.78</c:v>
                </c:pt>
                <c:pt idx="522">
                  <c:v>0.8</c:v>
                </c:pt>
                <c:pt idx="523">
                  <c:v>0.76</c:v>
                </c:pt>
                <c:pt idx="524">
                  <c:v>0.8</c:v>
                </c:pt>
                <c:pt idx="525">
                  <c:v>0.89</c:v>
                </c:pt>
                <c:pt idx="526">
                  <c:v>0.81</c:v>
                </c:pt>
                <c:pt idx="527">
                  <c:v>0.74</c:v>
                </c:pt>
                <c:pt idx="528">
                  <c:v>0.78</c:v>
                </c:pt>
                <c:pt idx="529">
                  <c:v>0.69</c:v>
                </c:pt>
                <c:pt idx="530">
                  <c:v>0.69</c:v>
                </c:pt>
                <c:pt idx="531">
                  <c:v>0.8</c:v>
                </c:pt>
                <c:pt idx="532">
                  <c:v>0.42</c:v>
                </c:pt>
                <c:pt idx="533">
                  <c:v>0.81</c:v>
                </c:pt>
                <c:pt idx="534">
                  <c:v>0.84</c:v>
                </c:pt>
                <c:pt idx="535">
                  <c:v>0.87</c:v>
                </c:pt>
                <c:pt idx="536">
                  <c:v>0.81</c:v>
                </c:pt>
                <c:pt idx="537">
                  <c:v>0.87</c:v>
                </c:pt>
                <c:pt idx="538">
                  <c:v>0.77</c:v>
                </c:pt>
                <c:pt idx="539">
                  <c:v>0.83</c:v>
                </c:pt>
                <c:pt idx="540">
                  <c:v>0.75</c:v>
                </c:pt>
                <c:pt idx="541">
                  <c:v>0.81</c:v>
                </c:pt>
                <c:pt idx="542">
                  <c:v>0.89</c:v>
                </c:pt>
                <c:pt idx="543">
                  <c:v>0.78</c:v>
                </c:pt>
                <c:pt idx="544">
                  <c:v>0.5</c:v>
                </c:pt>
                <c:pt idx="545">
                  <c:v>0.61</c:v>
                </c:pt>
                <c:pt idx="546">
                  <c:v>0.67</c:v>
                </c:pt>
                <c:pt idx="547">
                  <c:v>0.8</c:v>
                </c:pt>
                <c:pt idx="548">
                  <c:v>0.75</c:v>
                </c:pt>
                <c:pt idx="549">
                  <c:v>0.83</c:v>
                </c:pt>
                <c:pt idx="550">
                  <c:v>0.79</c:v>
                </c:pt>
                <c:pt idx="551">
                  <c:v>0.78</c:v>
                </c:pt>
                <c:pt idx="552">
                  <c:v>0.83</c:v>
                </c:pt>
                <c:pt idx="553">
                  <c:v>0.85</c:v>
                </c:pt>
                <c:pt idx="554">
                  <c:v>0.78</c:v>
                </c:pt>
                <c:pt idx="555">
                  <c:v>0.93</c:v>
                </c:pt>
                <c:pt idx="556">
                  <c:v>0.81</c:v>
                </c:pt>
                <c:pt idx="557">
                  <c:v>0.83</c:v>
                </c:pt>
                <c:pt idx="558">
                  <c:v>0.83</c:v>
                </c:pt>
                <c:pt idx="559">
                  <c:v>0.82</c:v>
                </c:pt>
                <c:pt idx="560">
                  <c:v>0.88</c:v>
                </c:pt>
                <c:pt idx="561">
                  <c:v>0.88</c:v>
                </c:pt>
                <c:pt idx="562">
                  <c:v>0.86</c:v>
                </c:pt>
                <c:pt idx="563">
                  <c:v>0.82</c:v>
                </c:pt>
                <c:pt idx="564">
                  <c:v>0.72</c:v>
                </c:pt>
                <c:pt idx="565">
                  <c:v>0.85</c:v>
                </c:pt>
                <c:pt idx="566">
                  <c:v>0.88</c:v>
                </c:pt>
                <c:pt idx="567">
                  <c:v>0.75</c:v>
                </c:pt>
                <c:pt idx="568">
                  <c:v>0.87</c:v>
                </c:pt>
                <c:pt idx="569">
                  <c:v>0.88</c:v>
                </c:pt>
                <c:pt idx="570">
                  <c:v>0.85</c:v>
                </c:pt>
                <c:pt idx="571">
                  <c:v>0.83</c:v>
                </c:pt>
                <c:pt idx="572">
                  <c:v>0.72</c:v>
                </c:pt>
                <c:pt idx="573">
                  <c:v>0.87</c:v>
                </c:pt>
                <c:pt idx="574">
                  <c:v>0.8</c:v>
                </c:pt>
                <c:pt idx="575">
                  <c:v>0.81</c:v>
                </c:pt>
                <c:pt idx="576">
                  <c:v>0.85</c:v>
                </c:pt>
                <c:pt idx="577">
                  <c:v>0.82</c:v>
                </c:pt>
                <c:pt idx="578">
                  <c:v>0.73</c:v>
                </c:pt>
                <c:pt idx="579">
                  <c:v>0.81</c:v>
                </c:pt>
                <c:pt idx="580">
                  <c:v>0.78</c:v>
                </c:pt>
                <c:pt idx="581">
                  <c:v>0.62</c:v>
                </c:pt>
                <c:pt idx="582">
                  <c:v>0.76</c:v>
                </c:pt>
                <c:pt idx="583">
                  <c:v>0.74</c:v>
                </c:pt>
                <c:pt idx="584">
                  <c:v>0.21</c:v>
                </c:pt>
                <c:pt idx="585">
                  <c:v>0.86</c:v>
                </c:pt>
                <c:pt idx="586">
                  <c:v>0.73</c:v>
                </c:pt>
                <c:pt idx="587">
                  <c:v>0.71</c:v>
                </c:pt>
                <c:pt idx="588">
                  <c:v>0.76</c:v>
                </c:pt>
                <c:pt idx="589">
                  <c:v>0.74</c:v>
                </c:pt>
                <c:pt idx="590">
                  <c:v>0.77</c:v>
                </c:pt>
                <c:pt idx="591">
                  <c:v>0.81</c:v>
                </c:pt>
                <c:pt idx="592">
                  <c:v>0.89</c:v>
                </c:pt>
                <c:pt idx="593">
                  <c:v>0.71</c:v>
                </c:pt>
                <c:pt idx="594">
                  <c:v>0.52</c:v>
                </c:pt>
                <c:pt idx="595">
                  <c:v>0.72</c:v>
                </c:pt>
                <c:pt idx="596">
                  <c:v>0.75</c:v>
                </c:pt>
                <c:pt idx="597">
                  <c:v>0.89</c:v>
                </c:pt>
                <c:pt idx="598">
                  <c:v>0.86</c:v>
                </c:pt>
                <c:pt idx="599">
                  <c:v>0.84</c:v>
                </c:pt>
                <c:pt idx="600">
                  <c:v>0.83</c:v>
                </c:pt>
                <c:pt idx="601">
                  <c:v>0.82</c:v>
                </c:pt>
                <c:pt idx="602">
                  <c:v>0.85</c:v>
                </c:pt>
                <c:pt idx="603">
                  <c:v>0.81</c:v>
                </c:pt>
                <c:pt idx="604">
                  <c:v>0.83</c:v>
                </c:pt>
                <c:pt idx="605">
                  <c:v>0.84</c:v>
                </c:pt>
                <c:pt idx="606">
                  <c:v>0.79</c:v>
                </c:pt>
                <c:pt idx="607">
                  <c:v>0.82</c:v>
                </c:pt>
                <c:pt idx="608">
                  <c:v>0.84</c:v>
                </c:pt>
                <c:pt idx="609">
                  <c:v>0.83</c:v>
                </c:pt>
                <c:pt idx="610">
                  <c:v>0.85</c:v>
                </c:pt>
                <c:pt idx="611">
                  <c:v>0.85</c:v>
                </c:pt>
                <c:pt idx="612">
                  <c:v>0.84</c:v>
                </c:pt>
                <c:pt idx="613">
                  <c:v>0.79</c:v>
                </c:pt>
                <c:pt idx="614">
                  <c:v>0.85</c:v>
                </c:pt>
                <c:pt idx="615">
                  <c:v>0.81</c:v>
                </c:pt>
                <c:pt idx="616">
                  <c:v>0.79</c:v>
                </c:pt>
                <c:pt idx="617">
                  <c:v>0.9</c:v>
                </c:pt>
                <c:pt idx="618">
                  <c:v>0.81</c:v>
                </c:pt>
                <c:pt idx="619">
                  <c:v>0.84</c:v>
                </c:pt>
                <c:pt idx="620">
                  <c:v>0.83</c:v>
                </c:pt>
                <c:pt idx="621">
                  <c:v>0.88</c:v>
                </c:pt>
                <c:pt idx="622">
                  <c:v>0.88</c:v>
                </c:pt>
                <c:pt idx="623">
                  <c:v>0.89</c:v>
                </c:pt>
                <c:pt idx="624">
                  <c:v>0.85</c:v>
                </c:pt>
                <c:pt idx="625">
                  <c:v>0.88</c:v>
                </c:pt>
                <c:pt idx="626">
                  <c:v>0.86</c:v>
                </c:pt>
                <c:pt idx="627">
                  <c:v>0.93</c:v>
                </c:pt>
                <c:pt idx="628">
                  <c:v>0.84</c:v>
                </c:pt>
                <c:pt idx="629">
                  <c:v>0.87</c:v>
                </c:pt>
                <c:pt idx="630">
                  <c:v>0.79</c:v>
                </c:pt>
                <c:pt idx="631">
                  <c:v>0.81</c:v>
                </c:pt>
                <c:pt idx="632">
                  <c:v>0.88</c:v>
                </c:pt>
                <c:pt idx="633">
                  <c:v>0.83</c:v>
                </c:pt>
                <c:pt idx="634">
                  <c:v>0.86</c:v>
                </c:pt>
                <c:pt idx="635">
                  <c:v>0.87</c:v>
                </c:pt>
                <c:pt idx="636">
                  <c:v>0.76</c:v>
                </c:pt>
                <c:pt idx="637">
                  <c:v>0.95</c:v>
                </c:pt>
                <c:pt idx="638">
                  <c:v>0.78</c:v>
                </c:pt>
                <c:pt idx="639">
                  <c:v>0.93</c:v>
                </c:pt>
                <c:pt idx="640">
                  <c:v>0.95</c:v>
                </c:pt>
                <c:pt idx="641">
                  <c:v>0.94</c:v>
                </c:pt>
                <c:pt idx="642">
                  <c:v>0.87</c:v>
                </c:pt>
                <c:pt idx="643">
                  <c:v>0.87</c:v>
                </c:pt>
                <c:pt idx="644">
                  <c:v>0.84</c:v>
                </c:pt>
                <c:pt idx="645">
                  <c:v>0.94</c:v>
                </c:pt>
                <c:pt idx="646">
                  <c:v>0.89</c:v>
                </c:pt>
                <c:pt idx="647">
                  <c:v>0.84</c:v>
                </c:pt>
                <c:pt idx="648">
                  <c:v>0.95</c:v>
                </c:pt>
                <c:pt idx="649">
                  <c:v>0.77</c:v>
                </c:pt>
                <c:pt idx="650">
                  <c:v>0.87</c:v>
                </c:pt>
                <c:pt idx="651">
                  <c:v>0.87</c:v>
                </c:pt>
                <c:pt idx="652">
                  <c:v>0.9</c:v>
                </c:pt>
                <c:pt idx="653">
                  <c:v>0.93</c:v>
                </c:pt>
                <c:pt idx="654">
                  <c:v>0.9</c:v>
                </c:pt>
                <c:pt idx="655">
                  <c:v>0.49</c:v>
                </c:pt>
                <c:pt idx="656">
                  <c:v>0.84</c:v>
                </c:pt>
                <c:pt idx="657">
                  <c:v>0.88</c:v>
                </c:pt>
                <c:pt idx="658">
                  <c:v>0.22</c:v>
                </c:pt>
                <c:pt idx="659">
                  <c:v>0.7</c:v>
                </c:pt>
                <c:pt idx="660">
                  <c:v>0.71</c:v>
                </c:pt>
                <c:pt idx="661">
                  <c:v>0.48</c:v>
                </c:pt>
                <c:pt idx="662">
                  <c:v>0.39</c:v>
                </c:pt>
                <c:pt idx="663">
                  <c:v>0.02</c:v>
                </c:pt>
                <c:pt idx="664">
                  <c:v>0.54</c:v>
                </c:pt>
                <c:pt idx="665">
                  <c:v>0.59</c:v>
                </c:pt>
                <c:pt idx="666">
                  <c:v>0.67</c:v>
                </c:pt>
                <c:pt idx="667">
                  <c:v>0.74</c:v>
                </c:pt>
                <c:pt idx="668">
                  <c:v>0.81</c:v>
                </c:pt>
                <c:pt idx="669">
                  <c:v>0.87</c:v>
                </c:pt>
                <c:pt idx="670">
                  <c:v>0.75</c:v>
                </c:pt>
                <c:pt idx="671">
                  <c:v>0.84</c:v>
                </c:pt>
                <c:pt idx="672">
                  <c:v>0.71</c:v>
                </c:pt>
                <c:pt idx="673">
                  <c:v>0.89</c:v>
                </c:pt>
                <c:pt idx="674">
                  <c:v>0.87</c:v>
                </c:pt>
                <c:pt idx="675">
                  <c:v>0.85</c:v>
                </c:pt>
                <c:pt idx="676">
                  <c:v>0.9</c:v>
                </c:pt>
                <c:pt idx="677">
                  <c:v>0.82</c:v>
                </c:pt>
                <c:pt idx="678">
                  <c:v>0.91</c:v>
                </c:pt>
                <c:pt idx="679">
                  <c:v>0.79</c:v>
                </c:pt>
                <c:pt idx="680">
                  <c:v>0.82</c:v>
                </c:pt>
                <c:pt idx="681">
                  <c:v>0.82</c:v>
                </c:pt>
                <c:pt idx="682">
                  <c:v>0.9</c:v>
                </c:pt>
                <c:pt idx="683">
                  <c:v>0.87</c:v>
                </c:pt>
                <c:pt idx="684">
                  <c:v>0.96</c:v>
                </c:pt>
                <c:pt idx="685">
                  <c:v>0.9</c:v>
                </c:pt>
                <c:pt idx="686">
                  <c:v>0.9</c:v>
                </c:pt>
                <c:pt idx="687">
                  <c:v>0.95</c:v>
                </c:pt>
                <c:pt idx="688">
                  <c:v>0.81</c:v>
                </c:pt>
                <c:pt idx="689">
                  <c:v>0.9</c:v>
                </c:pt>
                <c:pt idx="690">
                  <c:v>0.85</c:v>
                </c:pt>
                <c:pt idx="691">
                  <c:v>0.93</c:v>
                </c:pt>
                <c:pt idx="692">
                  <c:v>0.86</c:v>
                </c:pt>
                <c:pt idx="693">
                  <c:v>0.73</c:v>
                </c:pt>
                <c:pt idx="694">
                  <c:v>0.87</c:v>
                </c:pt>
                <c:pt idx="695">
                  <c:v>0.88</c:v>
                </c:pt>
                <c:pt idx="696">
                  <c:v>0.83</c:v>
                </c:pt>
                <c:pt idx="697">
                  <c:v>0.95</c:v>
                </c:pt>
                <c:pt idx="698">
                  <c:v>0.65</c:v>
                </c:pt>
                <c:pt idx="699">
                  <c:v>0.81</c:v>
                </c:pt>
                <c:pt idx="700">
                  <c:v>0.8</c:v>
                </c:pt>
                <c:pt idx="701">
                  <c:v>0.88</c:v>
                </c:pt>
                <c:pt idx="702">
                  <c:v>0.94</c:v>
                </c:pt>
                <c:pt idx="703">
                  <c:v>0.89</c:v>
                </c:pt>
                <c:pt idx="704">
                  <c:v>0.91</c:v>
                </c:pt>
                <c:pt idx="705">
                  <c:v>0.79</c:v>
                </c:pt>
                <c:pt idx="706">
                  <c:v>0.86</c:v>
                </c:pt>
                <c:pt idx="707">
                  <c:v>0.94</c:v>
                </c:pt>
                <c:pt idx="708">
                  <c:v>0.8</c:v>
                </c:pt>
                <c:pt idx="709">
                  <c:v>0.87</c:v>
                </c:pt>
                <c:pt idx="710">
                  <c:v>0.91</c:v>
                </c:pt>
                <c:pt idx="711">
                  <c:v>0.92</c:v>
                </c:pt>
                <c:pt idx="712">
                  <c:v>0.81</c:v>
                </c:pt>
                <c:pt idx="713">
                  <c:v>0.8</c:v>
                </c:pt>
                <c:pt idx="714">
                  <c:v>0.82</c:v>
                </c:pt>
                <c:pt idx="715">
                  <c:v>0.73</c:v>
                </c:pt>
                <c:pt idx="716">
                  <c:v>0.7</c:v>
                </c:pt>
                <c:pt idx="717">
                  <c:v>0.78</c:v>
                </c:pt>
                <c:pt idx="718">
                  <c:v>0.91</c:v>
                </c:pt>
                <c:pt idx="719">
                  <c:v>0.78</c:v>
                </c:pt>
                <c:pt idx="720">
                  <c:v>0.64</c:v>
                </c:pt>
                <c:pt idx="721">
                  <c:v>0.74</c:v>
                </c:pt>
                <c:pt idx="722">
                  <c:v>0.9</c:v>
                </c:pt>
                <c:pt idx="723">
                  <c:v>0.86</c:v>
                </c:pt>
                <c:pt idx="724">
                  <c:v>0.79</c:v>
                </c:pt>
                <c:pt idx="725">
                  <c:v>0.87</c:v>
                </c:pt>
                <c:pt idx="726">
                  <c:v>0.95</c:v>
                </c:pt>
                <c:pt idx="727">
                  <c:v>0.47</c:v>
                </c:pt>
                <c:pt idx="728">
                  <c:v>0.67</c:v>
                </c:pt>
                <c:pt idx="729">
                  <c:v>0.8</c:v>
                </c:pt>
                <c:pt idx="730">
                  <c:v>0.85</c:v>
                </c:pt>
                <c:pt idx="731">
                  <c:v>0.8</c:v>
                </c:pt>
                <c:pt idx="732">
                  <c:v>0.85</c:v>
                </c:pt>
                <c:pt idx="733">
                  <c:v>0.77</c:v>
                </c:pt>
                <c:pt idx="734">
                  <c:v>0.95</c:v>
                </c:pt>
                <c:pt idx="735">
                  <c:v>0.9</c:v>
                </c:pt>
                <c:pt idx="736">
                  <c:v>0.89</c:v>
                </c:pt>
                <c:pt idx="737">
                  <c:v>0.88</c:v>
                </c:pt>
                <c:pt idx="738">
                  <c:v>0.83</c:v>
                </c:pt>
                <c:pt idx="739">
                  <c:v>0.87</c:v>
                </c:pt>
                <c:pt idx="740">
                  <c:v>0.91</c:v>
                </c:pt>
                <c:pt idx="741">
                  <c:v>0.9</c:v>
                </c:pt>
                <c:pt idx="742">
                  <c:v>0.32</c:v>
                </c:pt>
                <c:pt idx="743">
                  <c:v>7.0000000000000007E-2</c:v>
                </c:pt>
                <c:pt idx="744">
                  <c:v>0.08</c:v>
                </c:pt>
                <c:pt idx="745">
                  <c:v>0.22</c:v>
                </c:pt>
                <c:pt idx="746">
                  <c:v>0.23</c:v>
                </c:pt>
                <c:pt idx="747">
                  <c:v>0.14000000000000001</c:v>
                </c:pt>
                <c:pt idx="748">
                  <c:v>0.26</c:v>
                </c:pt>
                <c:pt idx="749">
                  <c:v>0.35</c:v>
                </c:pt>
                <c:pt idx="750">
                  <c:v>0.64</c:v>
                </c:pt>
                <c:pt idx="751">
                  <c:v>0.67</c:v>
                </c:pt>
                <c:pt idx="752">
                  <c:v>0.75</c:v>
                </c:pt>
                <c:pt idx="753">
                  <c:v>0.79</c:v>
                </c:pt>
                <c:pt idx="754">
                  <c:v>0.86</c:v>
                </c:pt>
                <c:pt idx="755">
                  <c:v>0.78</c:v>
                </c:pt>
                <c:pt idx="756">
                  <c:v>0.89</c:v>
                </c:pt>
                <c:pt idx="757">
                  <c:v>0.87</c:v>
                </c:pt>
                <c:pt idx="758">
                  <c:v>0.92</c:v>
                </c:pt>
                <c:pt idx="759">
                  <c:v>0.91</c:v>
                </c:pt>
                <c:pt idx="760">
                  <c:v>0.83</c:v>
                </c:pt>
                <c:pt idx="761">
                  <c:v>0.87</c:v>
                </c:pt>
                <c:pt idx="762">
                  <c:v>0.93</c:v>
                </c:pt>
                <c:pt idx="763">
                  <c:v>0.9</c:v>
                </c:pt>
                <c:pt idx="764">
                  <c:v>0.96</c:v>
                </c:pt>
                <c:pt idx="765">
                  <c:v>0.79</c:v>
                </c:pt>
                <c:pt idx="766">
                  <c:v>0.89</c:v>
                </c:pt>
                <c:pt idx="767">
                  <c:v>0.85</c:v>
                </c:pt>
                <c:pt idx="768">
                  <c:v>0.9</c:v>
                </c:pt>
                <c:pt idx="769">
                  <c:v>0.78</c:v>
                </c:pt>
                <c:pt idx="770">
                  <c:v>0.83</c:v>
                </c:pt>
                <c:pt idx="771">
                  <c:v>0.82</c:v>
                </c:pt>
                <c:pt idx="772">
                  <c:v>0.85</c:v>
                </c:pt>
                <c:pt idx="773">
                  <c:v>0.86</c:v>
                </c:pt>
                <c:pt idx="774">
                  <c:v>0.81</c:v>
                </c:pt>
                <c:pt idx="775">
                  <c:v>0.82</c:v>
                </c:pt>
                <c:pt idx="776">
                  <c:v>0.9</c:v>
                </c:pt>
                <c:pt idx="777">
                  <c:v>0.81</c:v>
                </c:pt>
                <c:pt idx="778">
                  <c:v>0.47</c:v>
                </c:pt>
                <c:pt idx="779">
                  <c:v>0.52</c:v>
                </c:pt>
                <c:pt idx="780">
                  <c:v>0.12</c:v>
                </c:pt>
                <c:pt idx="781">
                  <c:v>0.75</c:v>
                </c:pt>
                <c:pt idx="782">
                  <c:v>0.75</c:v>
                </c:pt>
                <c:pt idx="783">
                  <c:v>0.64</c:v>
                </c:pt>
                <c:pt idx="784">
                  <c:v>0.71</c:v>
                </c:pt>
                <c:pt idx="785">
                  <c:v>0.83</c:v>
                </c:pt>
                <c:pt idx="786">
                  <c:v>0.85</c:v>
                </c:pt>
                <c:pt idx="787">
                  <c:v>0.9</c:v>
                </c:pt>
                <c:pt idx="788">
                  <c:v>0.85</c:v>
                </c:pt>
                <c:pt idx="789">
                  <c:v>0.81</c:v>
                </c:pt>
                <c:pt idx="790">
                  <c:v>0.7</c:v>
                </c:pt>
                <c:pt idx="791">
                  <c:v>0.7</c:v>
                </c:pt>
                <c:pt idx="792">
                  <c:v>0.28000000000000003</c:v>
                </c:pt>
                <c:pt idx="793">
                  <c:v>0.81</c:v>
                </c:pt>
                <c:pt idx="794">
                  <c:v>0.79</c:v>
                </c:pt>
                <c:pt idx="795">
                  <c:v>0.71</c:v>
                </c:pt>
                <c:pt idx="796">
                  <c:v>0.81</c:v>
                </c:pt>
                <c:pt idx="797">
                  <c:v>0.85</c:v>
                </c:pt>
                <c:pt idx="798">
                  <c:v>0.81</c:v>
                </c:pt>
                <c:pt idx="799">
                  <c:v>0.83</c:v>
                </c:pt>
                <c:pt idx="800">
                  <c:v>0.8</c:v>
                </c:pt>
                <c:pt idx="801">
                  <c:v>0.82</c:v>
                </c:pt>
                <c:pt idx="802">
                  <c:v>0.92</c:v>
                </c:pt>
                <c:pt idx="803">
                  <c:v>0.91</c:v>
                </c:pt>
                <c:pt idx="804">
                  <c:v>0.95</c:v>
                </c:pt>
                <c:pt idx="805">
                  <c:v>0.89</c:v>
                </c:pt>
                <c:pt idx="806">
                  <c:v>0.94</c:v>
                </c:pt>
                <c:pt idx="807">
                  <c:v>0.81</c:v>
                </c:pt>
                <c:pt idx="808">
                  <c:v>0.9</c:v>
                </c:pt>
                <c:pt idx="809">
                  <c:v>0.25</c:v>
                </c:pt>
                <c:pt idx="810">
                  <c:v>0.71</c:v>
                </c:pt>
                <c:pt idx="811">
                  <c:v>0.7</c:v>
                </c:pt>
                <c:pt idx="812">
                  <c:v>0.75</c:v>
                </c:pt>
                <c:pt idx="813">
                  <c:v>0.81</c:v>
                </c:pt>
                <c:pt idx="814">
                  <c:v>0.83</c:v>
                </c:pt>
                <c:pt idx="815">
                  <c:v>0.84</c:v>
                </c:pt>
                <c:pt idx="816">
                  <c:v>0.72</c:v>
                </c:pt>
                <c:pt idx="817">
                  <c:v>0.75</c:v>
                </c:pt>
                <c:pt idx="818">
                  <c:v>0.81</c:v>
                </c:pt>
                <c:pt idx="819">
                  <c:v>0.8</c:v>
                </c:pt>
                <c:pt idx="820">
                  <c:v>0.9</c:v>
                </c:pt>
                <c:pt idx="822">
                  <c:v>0.9</c:v>
                </c:pt>
                <c:pt idx="823">
                  <c:v>0.87</c:v>
                </c:pt>
                <c:pt idx="824">
                  <c:v>0.88</c:v>
                </c:pt>
                <c:pt idx="825">
                  <c:v>0.86</c:v>
                </c:pt>
                <c:pt idx="826">
                  <c:v>0.91</c:v>
                </c:pt>
                <c:pt idx="827">
                  <c:v>0.83</c:v>
                </c:pt>
                <c:pt idx="828">
                  <c:v>0.75</c:v>
                </c:pt>
                <c:pt idx="829">
                  <c:v>0.86</c:v>
                </c:pt>
                <c:pt idx="830">
                  <c:v>0.86</c:v>
                </c:pt>
                <c:pt idx="831">
                  <c:v>0.98</c:v>
                </c:pt>
                <c:pt idx="832">
                  <c:v>0.98</c:v>
                </c:pt>
                <c:pt idx="833">
                  <c:v>0.97</c:v>
                </c:pt>
                <c:pt idx="834">
                  <c:v>0.98</c:v>
                </c:pt>
                <c:pt idx="835">
                  <c:v>0.99</c:v>
                </c:pt>
                <c:pt idx="836">
                  <c:v>0.92</c:v>
                </c:pt>
                <c:pt idx="837">
                  <c:v>0.31</c:v>
                </c:pt>
                <c:pt idx="838">
                  <c:v>0.32</c:v>
                </c:pt>
                <c:pt idx="839">
                  <c:v>0.41</c:v>
                </c:pt>
                <c:pt idx="840">
                  <c:v>0.87</c:v>
                </c:pt>
                <c:pt idx="841">
                  <c:v>0.9</c:v>
                </c:pt>
                <c:pt idx="842">
                  <c:v>0.93</c:v>
                </c:pt>
                <c:pt idx="843">
                  <c:v>0.93</c:v>
                </c:pt>
                <c:pt idx="844">
                  <c:v>0.96</c:v>
                </c:pt>
                <c:pt idx="845">
                  <c:v>0.74</c:v>
                </c:pt>
                <c:pt idx="846">
                  <c:v>0.89</c:v>
                </c:pt>
                <c:pt idx="847">
                  <c:v>0.92</c:v>
                </c:pt>
                <c:pt idx="848">
                  <c:v>0.91</c:v>
                </c:pt>
                <c:pt idx="849">
                  <c:v>0.94</c:v>
                </c:pt>
                <c:pt idx="850">
                  <c:v>0.94</c:v>
                </c:pt>
                <c:pt idx="851">
                  <c:v>0.87</c:v>
                </c:pt>
                <c:pt idx="852">
                  <c:v>0.93</c:v>
                </c:pt>
                <c:pt idx="853">
                  <c:v>0.89</c:v>
                </c:pt>
                <c:pt idx="854">
                  <c:v>0.95</c:v>
                </c:pt>
                <c:pt idx="855">
                  <c:v>1</c:v>
                </c:pt>
                <c:pt idx="856">
                  <c:v>0.88</c:v>
                </c:pt>
                <c:pt idx="857">
                  <c:v>0.87</c:v>
                </c:pt>
                <c:pt idx="858">
                  <c:v>0.94</c:v>
                </c:pt>
                <c:pt idx="859">
                  <c:v>0.97</c:v>
                </c:pt>
                <c:pt idx="860">
                  <c:v>0.96</c:v>
                </c:pt>
                <c:pt idx="861">
                  <c:v>0.97</c:v>
                </c:pt>
                <c:pt idx="862">
                  <c:v>0.89</c:v>
                </c:pt>
                <c:pt idx="863">
                  <c:v>0.97</c:v>
                </c:pt>
                <c:pt idx="864">
                  <c:v>0.96</c:v>
                </c:pt>
                <c:pt idx="865">
                  <c:v>0.92</c:v>
                </c:pt>
                <c:pt idx="866">
                  <c:v>0.97</c:v>
                </c:pt>
                <c:pt idx="867">
                  <c:v>0.91</c:v>
                </c:pt>
                <c:pt idx="868">
                  <c:v>0.92</c:v>
                </c:pt>
                <c:pt idx="869">
                  <c:v>0.95</c:v>
                </c:pt>
                <c:pt idx="870">
                  <c:v>0.96</c:v>
                </c:pt>
                <c:pt idx="871">
                  <c:v>0.98</c:v>
                </c:pt>
                <c:pt idx="872">
                  <c:v>0.98</c:v>
                </c:pt>
                <c:pt idx="873">
                  <c:v>0.97</c:v>
                </c:pt>
                <c:pt idx="874">
                  <c:v>0.94</c:v>
                </c:pt>
                <c:pt idx="875">
                  <c:v>0.93</c:v>
                </c:pt>
                <c:pt idx="876">
                  <c:v>0.99</c:v>
                </c:pt>
                <c:pt idx="877">
                  <c:v>0.98</c:v>
                </c:pt>
                <c:pt idx="878">
                  <c:v>0.93</c:v>
                </c:pt>
                <c:pt idx="879">
                  <c:v>0.85</c:v>
                </c:pt>
                <c:pt idx="880">
                  <c:v>0.9</c:v>
                </c:pt>
                <c:pt idx="881">
                  <c:v>0.94</c:v>
                </c:pt>
                <c:pt idx="882">
                  <c:v>0.96</c:v>
                </c:pt>
                <c:pt idx="883">
                  <c:v>0.98</c:v>
                </c:pt>
                <c:pt idx="884">
                  <c:v>0.94</c:v>
                </c:pt>
                <c:pt idx="885">
                  <c:v>0.89</c:v>
                </c:pt>
                <c:pt idx="886">
                  <c:v>0.96</c:v>
                </c:pt>
                <c:pt idx="887">
                  <c:v>0.96</c:v>
                </c:pt>
                <c:pt idx="888">
                  <c:v>0.98</c:v>
                </c:pt>
                <c:pt idx="889">
                  <c:v>0.93</c:v>
                </c:pt>
                <c:pt idx="890">
                  <c:v>0.96</c:v>
                </c:pt>
                <c:pt idx="891">
                  <c:v>0.91</c:v>
                </c:pt>
                <c:pt idx="892">
                  <c:v>0.95</c:v>
                </c:pt>
                <c:pt idx="893">
                  <c:v>0.82</c:v>
                </c:pt>
                <c:pt idx="894">
                  <c:v>0.92</c:v>
                </c:pt>
                <c:pt idx="895">
                  <c:v>0.97</c:v>
                </c:pt>
                <c:pt idx="896">
                  <c:v>0.92</c:v>
                </c:pt>
                <c:pt idx="897">
                  <c:v>0.92</c:v>
                </c:pt>
                <c:pt idx="898">
                  <c:v>0.93</c:v>
                </c:pt>
                <c:pt idx="899">
                  <c:v>0.92</c:v>
                </c:pt>
                <c:pt idx="900">
                  <c:v>1</c:v>
                </c:pt>
                <c:pt idx="901">
                  <c:v>0.95</c:v>
                </c:pt>
                <c:pt idx="902">
                  <c:v>0.98</c:v>
                </c:pt>
                <c:pt idx="903">
                  <c:v>0.93</c:v>
                </c:pt>
                <c:pt idx="904">
                  <c:v>0.95</c:v>
                </c:pt>
                <c:pt idx="905">
                  <c:v>0.97</c:v>
                </c:pt>
                <c:pt idx="906">
                  <c:v>0.98</c:v>
                </c:pt>
                <c:pt idx="907">
                  <c:v>0.89</c:v>
                </c:pt>
                <c:pt idx="908">
                  <c:v>0.93</c:v>
                </c:pt>
                <c:pt idx="909">
                  <c:v>0.98</c:v>
                </c:pt>
                <c:pt idx="910">
                  <c:v>0.96</c:v>
                </c:pt>
                <c:pt idx="911">
                  <c:v>0.98</c:v>
                </c:pt>
                <c:pt idx="912">
                  <c:v>0.94</c:v>
                </c:pt>
                <c:pt idx="913">
                  <c:v>0.94</c:v>
                </c:pt>
                <c:pt idx="914">
                  <c:v>0.96</c:v>
                </c:pt>
                <c:pt idx="915">
                  <c:v>0.95</c:v>
                </c:pt>
                <c:pt idx="916">
                  <c:v>0.95</c:v>
                </c:pt>
                <c:pt idx="917">
                  <c:v>0.96</c:v>
                </c:pt>
                <c:pt idx="918">
                  <c:v>0.96</c:v>
                </c:pt>
                <c:pt idx="919">
                  <c:v>0.99</c:v>
                </c:pt>
                <c:pt idx="920">
                  <c:v>0.94</c:v>
                </c:pt>
                <c:pt idx="921">
                  <c:v>0.91</c:v>
                </c:pt>
                <c:pt idx="922">
                  <c:v>0.92</c:v>
                </c:pt>
                <c:pt idx="923">
                  <c:v>0.95</c:v>
                </c:pt>
                <c:pt idx="924">
                  <c:v>0.9</c:v>
                </c:pt>
                <c:pt idx="925">
                  <c:v>1</c:v>
                </c:pt>
                <c:pt idx="926">
                  <c:v>0.94</c:v>
                </c:pt>
                <c:pt idx="927">
                  <c:v>0.93</c:v>
                </c:pt>
                <c:pt idx="928">
                  <c:v>0.97</c:v>
                </c:pt>
                <c:pt idx="929">
                  <c:v>0.94</c:v>
                </c:pt>
                <c:pt idx="930">
                  <c:v>0.97</c:v>
                </c:pt>
                <c:pt idx="931">
                  <c:v>0.92</c:v>
                </c:pt>
                <c:pt idx="932">
                  <c:v>0.99</c:v>
                </c:pt>
                <c:pt idx="933">
                  <c:v>0.99</c:v>
                </c:pt>
                <c:pt idx="934">
                  <c:v>0.98</c:v>
                </c:pt>
                <c:pt idx="935">
                  <c:v>0.95</c:v>
                </c:pt>
                <c:pt idx="936">
                  <c:v>0.99</c:v>
                </c:pt>
                <c:pt idx="937">
                  <c:v>0.88</c:v>
                </c:pt>
                <c:pt idx="938">
                  <c:v>0.98</c:v>
                </c:pt>
                <c:pt idx="939">
                  <c:v>0.95</c:v>
                </c:pt>
                <c:pt idx="940">
                  <c:v>0.97</c:v>
                </c:pt>
                <c:pt idx="941">
                  <c:v>0.98</c:v>
                </c:pt>
                <c:pt idx="942">
                  <c:v>0.97</c:v>
                </c:pt>
                <c:pt idx="943">
                  <c:v>0.98</c:v>
                </c:pt>
                <c:pt idx="944">
                  <c:v>0.93</c:v>
                </c:pt>
                <c:pt idx="945">
                  <c:v>0.94</c:v>
                </c:pt>
                <c:pt idx="946">
                  <c:v>0.86</c:v>
                </c:pt>
                <c:pt idx="947">
                  <c:v>0.97</c:v>
                </c:pt>
                <c:pt idx="948">
                  <c:v>0.95</c:v>
                </c:pt>
                <c:pt idx="949">
                  <c:v>0.98</c:v>
                </c:pt>
                <c:pt idx="950">
                  <c:v>0.99</c:v>
                </c:pt>
                <c:pt idx="951">
                  <c:v>0.96</c:v>
                </c:pt>
                <c:pt idx="952">
                  <c:v>1</c:v>
                </c:pt>
                <c:pt idx="953">
                  <c:v>0.96</c:v>
                </c:pt>
                <c:pt idx="954">
                  <c:v>0.98</c:v>
                </c:pt>
                <c:pt idx="955">
                  <c:v>0.96</c:v>
                </c:pt>
                <c:pt idx="956">
                  <c:v>0.94</c:v>
                </c:pt>
                <c:pt idx="957">
                  <c:v>0.96</c:v>
                </c:pt>
                <c:pt idx="958">
                  <c:v>0.97</c:v>
                </c:pt>
                <c:pt idx="959">
                  <c:v>0.96</c:v>
                </c:pt>
                <c:pt idx="960">
                  <c:v>0.94</c:v>
                </c:pt>
                <c:pt idx="961">
                  <c:v>0.96</c:v>
                </c:pt>
                <c:pt idx="962">
                  <c:v>0.99</c:v>
                </c:pt>
                <c:pt idx="963">
                  <c:v>0.94</c:v>
                </c:pt>
                <c:pt idx="964">
                  <c:v>0.91</c:v>
                </c:pt>
                <c:pt idx="965">
                  <c:v>0.93</c:v>
                </c:pt>
                <c:pt idx="966">
                  <c:v>0.96</c:v>
                </c:pt>
                <c:pt idx="967">
                  <c:v>0.99</c:v>
                </c:pt>
                <c:pt idx="968">
                  <c:v>0.95</c:v>
                </c:pt>
                <c:pt idx="969">
                  <c:v>0.91</c:v>
                </c:pt>
                <c:pt idx="970">
                  <c:v>0.99</c:v>
                </c:pt>
                <c:pt idx="971">
                  <c:v>0.91</c:v>
                </c:pt>
                <c:pt idx="972">
                  <c:v>1</c:v>
                </c:pt>
                <c:pt idx="973">
                  <c:v>0.98</c:v>
                </c:pt>
                <c:pt idx="974">
                  <c:v>0.96</c:v>
                </c:pt>
                <c:pt idx="975">
                  <c:v>0.95</c:v>
                </c:pt>
                <c:pt idx="976">
                  <c:v>0.98</c:v>
                </c:pt>
                <c:pt idx="977">
                  <c:v>0.96</c:v>
                </c:pt>
                <c:pt idx="978">
                  <c:v>0.98</c:v>
                </c:pt>
                <c:pt idx="979">
                  <c:v>0.94</c:v>
                </c:pt>
                <c:pt idx="980">
                  <c:v>0.86</c:v>
                </c:pt>
                <c:pt idx="981">
                  <c:v>0.98</c:v>
                </c:pt>
                <c:pt idx="982">
                  <c:v>0.97</c:v>
                </c:pt>
                <c:pt idx="983">
                  <c:v>0.96</c:v>
                </c:pt>
                <c:pt idx="984">
                  <c:v>0.97</c:v>
                </c:pt>
                <c:pt idx="985">
                  <c:v>0.98</c:v>
                </c:pt>
                <c:pt idx="986">
                  <c:v>0.96</c:v>
                </c:pt>
                <c:pt idx="987">
                  <c:v>0.98</c:v>
                </c:pt>
                <c:pt idx="988">
                  <c:v>0.99</c:v>
                </c:pt>
                <c:pt idx="989">
                  <c:v>0.93</c:v>
                </c:pt>
                <c:pt idx="990">
                  <c:v>0.9</c:v>
                </c:pt>
                <c:pt idx="991">
                  <c:v>0.94</c:v>
                </c:pt>
                <c:pt idx="992">
                  <c:v>0.97</c:v>
                </c:pt>
                <c:pt idx="993">
                  <c:v>0.98</c:v>
                </c:pt>
                <c:pt idx="994">
                  <c:v>1</c:v>
                </c:pt>
                <c:pt idx="995">
                  <c:v>0.94</c:v>
                </c:pt>
                <c:pt idx="996">
                  <c:v>0.94</c:v>
                </c:pt>
                <c:pt idx="997">
                  <c:v>0.93</c:v>
                </c:pt>
                <c:pt idx="998">
                  <c:v>0.97</c:v>
                </c:pt>
                <c:pt idx="999">
                  <c:v>0.95</c:v>
                </c:pt>
                <c:pt idx="1000">
                  <c:v>0.93</c:v>
                </c:pt>
                <c:pt idx="1001">
                  <c:v>0.98</c:v>
                </c:pt>
                <c:pt idx="1002">
                  <c:v>0.9</c:v>
                </c:pt>
                <c:pt idx="1003">
                  <c:v>0.91</c:v>
                </c:pt>
                <c:pt idx="1004">
                  <c:v>0.98</c:v>
                </c:pt>
                <c:pt idx="1005">
                  <c:v>0.89</c:v>
                </c:pt>
                <c:pt idx="1006">
                  <c:v>0.91</c:v>
                </c:pt>
                <c:pt idx="1007">
                  <c:v>0.93</c:v>
                </c:pt>
                <c:pt idx="1008">
                  <c:v>0.93</c:v>
                </c:pt>
                <c:pt idx="1009">
                  <c:v>0.98</c:v>
                </c:pt>
                <c:pt idx="1010">
                  <c:v>0.97</c:v>
                </c:pt>
                <c:pt idx="1011">
                  <c:v>0.84</c:v>
                </c:pt>
                <c:pt idx="1012">
                  <c:v>0.95</c:v>
                </c:pt>
                <c:pt idx="1013">
                  <c:v>0.98</c:v>
                </c:pt>
                <c:pt idx="1014">
                  <c:v>0.91</c:v>
                </c:pt>
                <c:pt idx="1015">
                  <c:v>0.89</c:v>
                </c:pt>
                <c:pt idx="1016">
                  <c:v>0.91</c:v>
                </c:pt>
                <c:pt idx="1017">
                  <c:v>0.93</c:v>
                </c:pt>
                <c:pt idx="1018">
                  <c:v>0.97</c:v>
                </c:pt>
                <c:pt idx="1019">
                  <c:v>0.99</c:v>
                </c:pt>
                <c:pt idx="1020">
                  <c:v>0.97</c:v>
                </c:pt>
                <c:pt idx="1021">
                  <c:v>0.96</c:v>
                </c:pt>
                <c:pt idx="1022">
                  <c:v>0.99</c:v>
                </c:pt>
                <c:pt idx="1023">
                  <c:v>0.92</c:v>
                </c:pt>
                <c:pt idx="1024">
                  <c:v>0.97</c:v>
                </c:pt>
                <c:pt idx="1025">
                  <c:v>0.97</c:v>
                </c:pt>
                <c:pt idx="1026">
                  <c:v>0.96</c:v>
                </c:pt>
                <c:pt idx="1027">
                  <c:v>0.95</c:v>
                </c:pt>
                <c:pt idx="1028">
                  <c:v>0.98</c:v>
                </c:pt>
                <c:pt idx="1029">
                  <c:v>0.95</c:v>
                </c:pt>
                <c:pt idx="1030">
                  <c:v>0.95</c:v>
                </c:pt>
                <c:pt idx="1031">
                  <c:v>1</c:v>
                </c:pt>
                <c:pt idx="1032">
                  <c:v>0.94</c:v>
                </c:pt>
                <c:pt idx="1033">
                  <c:v>0.95</c:v>
                </c:pt>
                <c:pt idx="1034">
                  <c:v>0.99</c:v>
                </c:pt>
                <c:pt idx="1035">
                  <c:v>0.98</c:v>
                </c:pt>
                <c:pt idx="1036">
                  <c:v>0.98</c:v>
                </c:pt>
                <c:pt idx="1037">
                  <c:v>0.96</c:v>
                </c:pt>
                <c:pt idx="1038">
                  <c:v>0.99</c:v>
                </c:pt>
                <c:pt idx="1039">
                  <c:v>0.99</c:v>
                </c:pt>
                <c:pt idx="1040">
                  <c:v>0.98</c:v>
                </c:pt>
                <c:pt idx="1041">
                  <c:v>0.96</c:v>
                </c:pt>
                <c:pt idx="1042">
                  <c:v>0.97</c:v>
                </c:pt>
                <c:pt idx="1043">
                  <c:v>0.98</c:v>
                </c:pt>
                <c:pt idx="1044">
                  <c:v>0.96</c:v>
                </c:pt>
                <c:pt idx="1045">
                  <c:v>0.95</c:v>
                </c:pt>
                <c:pt idx="1046">
                  <c:v>0.98</c:v>
                </c:pt>
                <c:pt idx="1047">
                  <c:v>0.99</c:v>
                </c:pt>
                <c:pt idx="1048">
                  <c:v>0.97</c:v>
                </c:pt>
                <c:pt idx="1049">
                  <c:v>0.98</c:v>
                </c:pt>
                <c:pt idx="1050">
                  <c:v>0.98</c:v>
                </c:pt>
                <c:pt idx="1051">
                  <c:v>0.96</c:v>
                </c:pt>
                <c:pt idx="1052">
                  <c:v>0.92</c:v>
                </c:pt>
                <c:pt idx="1053">
                  <c:v>0.98</c:v>
                </c:pt>
                <c:pt idx="1054">
                  <c:v>0.94</c:v>
                </c:pt>
                <c:pt idx="1055">
                  <c:v>0.89</c:v>
                </c:pt>
                <c:pt idx="1056">
                  <c:v>0.96</c:v>
                </c:pt>
                <c:pt idx="1057">
                  <c:v>0.97</c:v>
                </c:pt>
                <c:pt idx="1058">
                  <c:v>1</c:v>
                </c:pt>
                <c:pt idx="1059">
                  <c:v>0.98</c:v>
                </c:pt>
                <c:pt idx="1060">
                  <c:v>0.99</c:v>
                </c:pt>
                <c:pt idx="1061">
                  <c:v>0.99</c:v>
                </c:pt>
                <c:pt idx="1062">
                  <c:v>1</c:v>
                </c:pt>
                <c:pt idx="1063">
                  <c:v>0.98</c:v>
                </c:pt>
                <c:pt idx="1064">
                  <c:v>0.98</c:v>
                </c:pt>
                <c:pt idx="1065">
                  <c:v>1</c:v>
                </c:pt>
                <c:pt idx="1066">
                  <c:v>0.98</c:v>
                </c:pt>
                <c:pt idx="1067">
                  <c:v>0.98</c:v>
                </c:pt>
                <c:pt idx="1068">
                  <c:v>1</c:v>
                </c:pt>
                <c:pt idx="1069">
                  <c:v>0.99</c:v>
                </c:pt>
                <c:pt idx="1070">
                  <c:v>0.98</c:v>
                </c:pt>
                <c:pt idx="1071">
                  <c:v>0.98</c:v>
                </c:pt>
                <c:pt idx="1072">
                  <c:v>1</c:v>
                </c:pt>
                <c:pt idx="1073">
                  <c:v>0.96</c:v>
                </c:pt>
                <c:pt idx="1074">
                  <c:v>0.99</c:v>
                </c:pt>
                <c:pt idx="1075">
                  <c:v>0.99</c:v>
                </c:pt>
                <c:pt idx="1076">
                  <c:v>0.99</c:v>
                </c:pt>
                <c:pt idx="1077">
                  <c:v>0.99</c:v>
                </c:pt>
                <c:pt idx="1078">
                  <c:v>0.92</c:v>
                </c:pt>
                <c:pt idx="1079">
                  <c:v>0.97</c:v>
                </c:pt>
                <c:pt idx="1080">
                  <c:v>0.96</c:v>
                </c:pt>
                <c:pt idx="1081">
                  <c:v>0.99</c:v>
                </c:pt>
                <c:pt idx="1082">
                  <c:v>1</c:v>
                </c:pt>
                <c:pt idx="1083">
                  <c:v>0.98</c:v>
                </c:pt>
                <c:pt idx="1084">
                  <c:v>0.97</c:v>
                </c:pt>
                <c:pt idx="1085">
                  <c:v>0.98</c:v>
                </c:pt>
                <c:pt idx="1086">
                  <c:v>0.99</c:v>
                </c:pt>
                <c:pt idx="1087">
                  <c:v>0.96</c:v>
                </c:pt>
                <c:pt idx="1088">
                  <c:v>0.98</c:v>
                </c:pt>
                <c:pt idx="1089">
                  <c:v>0.98</c:v>
                </c:pt>
                <c:pt idx="1090">
                  <c:v>0.98</c:v>
                </c:pt>
                <c:pt idx="1091">
                  <c:v>0.99</c:v>
                </c:pt>
                <c:pt idx="1092">
                  <c:v>0.99</c:v>
                </c:pt>
                <c:pt idx="1093">
                  <c:v>0.96</c:v>
                </c:pt>
                <c:pt idx="1094">
                  <c:v>0.98</c:v>
                </c:pt>
                <c:pt idx="1095">
                  <c:v>0.94</c:v>
                </c:pt>
                <c:pt idx="1096">
                  <c:v>0.97</c:v>
                </c:pt>
                <c:pt idx="1097">
                  <c:v>1</c:v>
                </c:pt>
                <c:pt idx="1098">
                  <c:v>1</c:v>
                </c:pt>
                <c:pt idx="1099">
                  <c:v>0.99</c:v>
                </c:pt>
                <c:pt idx="1100">
                  <c:v>0.98</c:v>
                </c:pt>
                <c:pt idx="1101">
                  <c:v>0.96</c:v>
                </c:pt>
                <c:pt idx="1102">
                  <c:v>0.98</c:v>
                </c:pt>
                <c:pt idx="1103">
                  <c:v>0.97</c:v>
                </c:pt>
                <c:pt idx="1104">
                  <c:v>0.99</c:v>
                </c:pt>
                <c:pt idx="1105">
                  <c:v>1</c:v>
                </c:pt>
                <c:pt idx="1106">
                  <c:v>0.97</c:v>
                </c:pt>
                <c:pt idx="1107">
                  <c:v>0.99</c:v>
                </c:pt>
                <c:pt idx="1108">
                  <c:v>1</c:v>
                </c:pt>
                <c:pt idx="1109">
                  <c:v>0.97</c:v>
                </c:pt>
                <c:pt idx="1110">
                  <c:v>0.99</c:v>
                </c:pt>
                <c:pt idx="1111">
                  <c:v>0.98</c:v>
                </c:pt>
                <c:pt idx="1112">
                  <c:v>0.93</c:v>
                </c:pt>
                <c:pt idx="1113">
                  <c:v>0.96</c:v>
                </c:pt>
                <c:pt idx="1114">
                  <c:v>0.98</c:v>
                </c:pt>
                <c:pt idx="1115">
                  <c:v>1</c:v>
                </c:pt>
                <c:pt idx="1116">
                  <c:v>0.97</c:v>
                </c:pt>
                <c:pt idx="1117">
                  <c:v>0.97</c:v>
                </c:pt>
                <c:pt idx="1118">
                  <c:v>0.96</c:v>
                </c:pt>
                <c:pt idx="1119">
                  <c:v>0.94</c:v>
                </c:pt>
                <c:pt idx="1120">
                  <c:v>1</c:v>
                </c:pt>
                <c:pt idx="1121">
                  <c:v>0.99</c:v>
                </c:pt>
                <c:pt idx="1122">
                  <c:v>0.96</c:v>
                </c:pt>
                <c:pt idx="1123">
                  <c:v>0.99</c:v>
                </c:pt>
                <c:pt idx="1124">
                  <c:v>1</c:v>
                </c:pt>
                <c:pt idx="1125">
                  <c:v>0.99</c:v>
                </c:pt>
                <c:pt idx="1126">
                  <c:v>0.92</c:v>
                </c:pt>
                <c:pt idx="1127">
                  <c:v>0.98</c:v>
                </c:pt>
                <c:pt idx="1128">
                  <c:v>0.98</c:v>
                </c:pt>
                <c:pt idx="1129">
                  <c:v>0.94</c:v>
                </c:pt>
                <c:pt idx="1130">
                  <c:v>0.97</c:v>
                </c:pt>
                <c:pt idx="1131">
                  <c:v>0.96</c:v>
                </c:pt>
                <c:pt idx="1132">
                  <c:v>0.97</c:v>
                </c:pt>
                <c:pt idx="1133">
                  <c:v>0.92</c:v>
                </c:pt>
                <c:pt idx="1134">
                  <c:v>1</c:v>
                </c:pt>
                <c:pt idx="1135">
                  <c:v>0.91</c:v>
                </c:pt>
                <c:pt idx="1136">
                  <c:v>0.98</c:v>
                </c:pt>
                <c:pt idx="1137">
                  <c:v>0.91</c:v>
                </c:pt>
                <c:pt idx="1138">
                  <c:v>0.95</c:v>
                </c:pt>
                <c:pt idx="1139">
                  <c:v>0.99</c:v>
                </c:pt>
                <c:pt idx="1140">
                  <c:v>0.99</c:v>
                </c:pt>
                <c:pt idx="1141">
                  <c:v>0.95</c:v>
                </c:pt>
                <c:pt idx="1142">
                  <c:v>0.93</c:v>
                </c:pt>
                <c:pt idx="1143">
                  <c:v>0.96</c:v>
                </c:pt>
                <c:pt idx="1144">
                  <c:v>0.94</c:v>
                </c:pt>
                <c:pt idx="1145">
                  <c:v>0.99</c:v>
                </c:pt>
                <c:pt idx="1146">
                  <c:v>0.98</c:v>
                </c:pt>
                <c:pt idx="1147">
                  <c:v>0.98</c:v>
                </c:pt>
                <c:pt idx="1148">
                  <c:v>1</c:v>
                </c:pt>
                <c:pt idx="1149">
                  <c:v>0.99</c:v>
                </c:pt>
                <c:pt idx="1150">
                  <c:v>0.97</c:v>
                </c:pt>
                <c:pt idx="1151">
                  <c:v>0.97</c:v>
                </c:pt>
                <c:pt idx="1152">
                  <c:v>0.93</c:v>
                </c:pt>
                <c:pt idx="1153">
                  <c:v>0.99</c:v>
                </c:pt>
                <c:pt idx="1154">
                  <c:v>0.97</c:v>
                </c:pt>
                <c:pt idx="1155">
                  <c:v>0.94</c:v>
                </c:pt>
                <c:pt idx="1156">
                  <c:v>0.83</c:v>
                </c:pt>
                <c:pt idx="1157">
                  <c:v>0.95</c:v>
                </c:pt>
                <c:pt idx="1158">
                  <c:v>0.93</c:v>
                </c:pt>
                <c:pt idx="1159">
                  <c:v>0.98</c:v>
                </c:pt>
                <c:pt idx="1160">
                  <c:v>0.97</c:v>
                </c:pt>
                <c:pt idx="1161">
                  <c:v>0.92</c:v>
                </c:pt>
                <c:pt idx="1162">
                  <c:v>0.98</c:v>
                </c:pt>
                <c:pt idx="1163">
                  <c:v>0.95</c:v>
                </c:pt>
                <c:pt idx="1164">
                  <c:v>0.99</c:v>
                </c:pt>
                <c:pt idx="1165">
                  <c:v>0.97</c:v>
                </c:pt>
                <c:pt idx="1166">
                  <c:v>1</c:v>
                </c:pt>
                <c:pt idx="1167">
                  <c:v>0.93</c:v>
                </c:pt>
                <c:pt idx="1168">
                  <c:v>0.98</c:v>
                </c:pt>
                <c:pt idx="1169">
                  <c:v>0.94</c:v>
                </c:pt>
                <c:pt idx="1170">
                  <c:v>0.96</c:v>
                </c:pt>
                <c:pt idx="1171">
                  <c:v>0.98</c:v>
                </c:pt>
                <c:pt idx="1172">
                  <c:v>0.99</c:v>
                </c:pt>
                <c:pt idx="1173">
                  <c:v>0.95</c:v>
                </c:pt>
                <c:pt idx="1174">
                  <c:v>0.98</c:v>
                </c:pt>
                <c:pt idx="1175">
                  <c:v>1</c:v>
                </c:pt>
                <c:pt idx="1176">
                  <c:v>1</c:v>
                </c:pt>
                <c:pt idx="1177">
                  <c:v>0.97</c:v>
                </c:pt>
                <c:pt idx="1178">
                  <c:v>0.99</c:v>
                </c:pt>
                <c:pt idx="1179">
                  <c:v>0.97</c:v>
                </c:pt>
                <c:pt idx="1180">
                  <c:v>0.98</c:v>
                </c:pt>
                <c:pt idx="1181">
                  <c:v>0.97</c:v>
                </c:pt>
                <c:pt idx="1182">
                  <c:v>0.99</c:v>
                </c:pt>
                <c:pt idx="1183">
                  <c:v>0.95</c:v>
                </c:pt>
                <c:pt idx="1184">
                  <c:v>1</c:v>
                </c:pt>
                <c:pt idx="1185">
                  <c:v>0.98</c:v>
                </c:pt>
                <c:pt idx="1186">
                  <c:v>1</c:v>
                </c:pt>
                <c:pt idx="1187">
                  <c:v>0.98</c:v>
                </c:pt>
                <c:pt idx="1188">
                  <c:v>0.99</c:v>
                </c:pt>
                <c:pt idx="1189">
                  <c:v>0.98</c:v>
                </c:pt>
                <c:pt idx="1190">
                  <c:v>0.97</c:v>
                </c:pt>
                <c:pt idx="1191">
                  <c:v>1</c:v>
                </c:pt>
                <c:pt idx="1192">
                  <c:v>0.99</c:v>
                </c:pt>
                <c:pt idx="1193">
                  <c:v>0.99</c:v>
                </c:pt>
                <c:pt idx="1194">
                  <c:v>1</c:v>
                </c:pt>
                <c:pt idx="1195">
                  <c:v>0.99</c:v>
                </c:pt>
                <c:pt idx="1196">
                  <c:v>0.99</c:v>
                </c:pt>
                <c:pt idx="1197">
                  <c:v>0.95</c:v>
                </c:pt>
                <c:pt idx="1198">
                  <c:v>0.97</c:v>
                </c:pt>
                <c:pt idx="1199">
                  <c:v>0.98</c:v>
                </c:pt>
                <c:pt idx="1200">
                  <c:v>1</c:v>
                </c:pt>
                <c:pt idx="1201">
                  <c:v>0.98</c:v>
                </c:pt>
                <c:pt idx="1202">
                  <c:v>0.96</c:v>
                </c:pt>
                <c:pt idx="1203">
                  <c:v>0.99</c:v>
                </c:pt>
                <c:pt idx="1204">
                  <c:v>0.96</c:v>
                </c:pt>
                <c:pt idx="1205">
                  <c:v>0.96</c:v>
                </c:pt>
                <c:pt idx="1206">
                  <c:v>0.96</c:v>
                </c:pt>
                <c:pt idx="1207">
                  <c:v>0.99</c:v>
                </c:pt>
                <c:pt idx="1208">
                  <c:v>0.98</c:v>
                </c:pt>
                <c:pt idx="1209">
                  <c:v>0.99</c:v>
                </c:pt>
                <c:pt idx="1210">
                  <c:v>0.99</c:v>
                </c:pt>
                <c:pt idx="1211">
                  <c:v>1</c:v>
                </c:pt>
                <c:pt idx="1212">
                  <c:v>0.95</c:v>
                </c:pt>
                <c:pt idx="1213">
                  <c:v>0.96</c:v>
                </c:pt>
                <c:pt idx="1214">
                  <c:v>0.97</c:v>
                </c:pt>
                <c:pt idx="1215">
                  <c:v>0.98</c:v>
                </c:pt>
                <c:pt idx="1216">
                  <c:v>0.97</c:v>
                </c:pt>
                <c:pt idx="1217">
                  <c:v>0.99</c:v>
                </c:pt>
                <c:pt idx="1218">
                  <c:v>1</c:v>
                </c:pt>
                <c:pt idx="1219">
                  <c:v>0.96</c:v>
                </c:pt>
                <c:pt idx="1220">
                  <c:v>0.98</c:v>
                </c:pt>
                <c:pt idx="1221">
                  <c:v>0.96</c:v>
                </c:pt>
                <c:pt idx="1223">
                  <c:v>0.94</c:v>
                </c:pt>
                <c:pt idx="1224">
                  <c:v>0.96</c:v>
                </c:pt>
                <c:pt idx="1225">
                  <c:v>1</c:v>
                </c:pt>
                <c:pt idx="1226">
                  <c:v>0.98</c:v>
                </c:pt>
                <c:pt idx="1227">
                  <c:v>0.98</c:v>
                </c:pt>
                <c:pt idx="1228">
                  <c:v>0.99</c:v>
                </c:pt>
                <c:pt idx="1229">
                  <c:v>0.96</c:v>
                </c:pt>
                <c:pt idx="1230">
                  <c:v>0.97</c:v>
                </c:pt>
                <c:pt idx="1231">
                  <c:v>0.98</c:v>
                </c:pt>
                <c:pt idx="1232">
                  <c:v>0.99</c:v>
                </c:pt>
                <c:pt idx="1233">
                  <c:v>0.99</c:v>
                </c:pt>
                <c:pt idx="1234">
                  <c:v>0.97</c:v>
                </c:pt>
                <c:pt idx="1235">
                  <c:v>0.99</c:v>
                </c:pt>
                <c:pt idx="1236">
                  <c:v>1</c:v>
                </c:pt>
                <c:pt idx="1237">
                  <c:v>0.98</c:v>
                </c:pt>
                <c:pt idx="1238">
                  <c:v>0.99</c:v>
                </c:pt>
                <c:pt idx="1239">
                  <c:v>0.98</c:v>
                </c:pt>
                <c:pt idx="1240">
                  <c:v>0.99</c:v>
                </c:pt>
                <c:pt idx="1241">
                  <c:v>0.99</c:v>
                </c:pt>
                <c:pt idx="1242">
                  <c:v>0.96</c:v>
                </c:pt>
                <c:pt idx="1243">
                  <c:v>0.99</c:v>
                </c:pt>
                <c:pt idx="1244">
                  <c:v>0.96</c:v>
                </c:pt>
                <c:pt idx="1245">
                  <c:v>1</c:v>
                </c:pt>
                <c:pt idx="1246">
                  <c:v>0.99</c:v>
                </c:pt>
                <c:pt idx="1247">
                  <c:v>0.98</c:v>
                </c:pt>
                <c:pt idx="1248">
                  <c:v>0.99</c:v>
                </c:pt>
                <c:pt idx="1249">
                  <c:v>1</c:v>
                </c:pt>
                <c:pt idx="1250">
                  <c:v>1</c:v>
                </c:pt>
                <c:pt idx="1251">
                  <c:v>0.98</c:v>
                </c:pt>
                <c:pt idx="1252">
                  <c:v>0.97</c:v>
                </c:pt>
                <c:pt idx="1253">
                  <c:v>1</c:v>
                </c:pt>
                <c:pt idx="1254">
                  <c:v>0.97</c:v>
                </c:pt>
                <c:pt idx="1255">
                  <c:v>0.98</c:v>
                </c:pt>
                <c:pt idx="1256">
                  <c:v>0.99</c:v>
                </c:pt>
                <c:pt idx="1257">
                  <c:v>1</c:v>
                </c:pt>
                <c:pt idx="1258">
                  <c:v>0.99</c:v>
                </c:pt>
                <c:pt idx="1259">
                  <c:v>0.99</c:v>
                </c:pt>
                <c:pt idx="1260">
                  <c:v>0.99</c:v>
                </c:pt>
                <c:pt idx="1261">
                  <c:v>0.98</c:v>
                </c:pt>
                <c:pt idx="1262">
                  <c:v>1</c:v>
                </c:pt>
                <c:pt idx="1263">
                  <c:v>1</c:v>
                </c:pt>
                <c:pt idx="1264">
                  <c:v>0.99</c:v>
                </c:pt>
                <c:pt idx="1265">
                  <c:v>0.98</c:v>
                </c:pt>
                <c:pt idx="1266">
                  <c:v>0.97</c:v>
                </c:pt>
                <c:pt idx="1267">
                  <c:v>0.99</c:v>
                </c:pt>
                <c:pt idx="1268">
                  <c:v>1</c:v>
                </c:pt>
                <c:pt idx="1269">
                  <c:v>0.99</c:v>
                </c:pt>
                <c:pt idx="1270">
                  <c:v>1</c:v>
                </c:pt>
                <c:pt idx="1271">
                  <c:v>0.98</c:v>
                </c:pt>
                <c:pt idx="1272">
                  <c:v>0.98</c:v>
                </c:pt>
                <c:pt idx="1273">
                  <c:v>0.98</c:v>
                </c:pt>
                <c:pt idx="1274">
                  <c:v>1</c:v>
                </c:pt>
                <c:pt idx="1275">
                  <c:v>0.98</c:v>
                </c:pt>
                <c:pt idx="1276">
                  <c:v>0.99</c:v>
                </c:pt>
                <c:pt idx="1277">
                  <c:v>0.98</c:v>
                </c:pt>
                <c:pt idx="1278">
                  <c:v>0.95</c:v>
                </c:pt>
                <c:pt idx="1279">
                  <c:v>0.98</c:v>
                </c:pt>
                <c:pt idx="1280">
                  <c:v>0.97</c:v>
                </c:pt>
                <c:pt idx="1281">
                  <c:v>0.97</c:v>
                </c:pt>
                <c:pt idx="1282">
                  <c:v>1</c:v>
                </c:pt>
                <c:pt idx="1283">
                  <c:v>0.98</c:v>
                </c:pt>
                <c:pt idx="1284">
                  <c:v>0.98</c:v>
                </c:pt>
                <c:pt idx="1285">
                  <c:v>0.98</c:v>
                </c:pt>
                <c:pt idx="1286">
                  <c:v>1</c:v>
                </c:pt>
                <c:pt idx="1287">
                  <c:v>0.97</c:v>
                </c:pt>
                <c:pt idx="1288">
                  <c:v>1</c:v>
                </c:pt>
                <c:pt idx="1289">
                  <c:v>0.97</c:v>
                </c:pt>
                <c:pt idx="1290">
                  <c:v>0.97</c:v>
                </c:pt>
                <c:pt idx="1291">
                  <c:v>0.98</c:v>
                </c:pt>
                <c:pt idx="1292">
                  <c:v>0.98</c:v>
                </c:pt>
                <c:pt idx="1293">
                  <c:v>1</c:v>
                </c:pt>
                <c:pt idx="1294">
                  <c:v>1</c:v>
                </c:pt>
                <c:pt idx="1295">
                  <c:v>1</c:v>
                </c:pt>
                <c:pt idx="1296">
                  <c:v>0.99</c:v>
                </c:pt>
                <c:pt idx="1297">
                  <c:v>1</c:v>
                </c:pt>
                <c:pt idx="1298">
                  <c:v>1</c:v>
                </c:pt>
                <c:pt idx="1299">
                  <c:v>1</c:v>
                </c:pt>
                <c:pt idx="1300">
                  <c:v>0.99</c:v>
                </c:pt>
                <c:pt idx="1301">
                  <c:v>1</c:v>
                </c:pt>
                <c:pt idx="1302">
                  <c:v>1</c:v>
                </c:pt>
                <c:pt idx="1303">
                  <c:v>0.97</c:v>
                </c:pt>
                <c:pt idx="1304">
                  <c:v>0.95</c:v>
                </c:pt>
                <c:pt idx="1305">
                  <c:v>0.96</c:v>
                </c:pt>
                <c:pt idx="1306">
                  <c:v>0.99</c:v>
                </c:pt>
                <c:pt idx="1307">
                  <c:v>0.98</c:v>
                </c:pt>
                <c:pt idx="1308">
                  <c:v>0.98</c:v>
                </c:pt>
                <c:pt idx="1309">
                  <c:v>0.98</c:v>
                </c:pt>
                <c:pt idx="1310">
                  <c:v>0.95</c:v>
                </c:pt>
                <c:pt idx="1311">
                  <c:v>0.98</c:v>
                </c:pt>
                <c:pt idx="1312">
                  <c:v>0.98</c:v>
                </c:pt>
                <c:pt idx="1313">
                  <c:v>0.98</c:v>
                </c:pt>
                <c:pt idx="1314">
                  <c:v>0.99</c:v>
                </c:pt>
                <c:pt idx="1315">
                  <c:v>0.97</c:v>
                </c:pt>
                <c:pt idx="1316">
                  <c:v>0.99</c:v>
                </c:pt>
                <c:pt idx="1317">
                  <c:v>0.99</c:v>
                </c:pt>
                <c:pt idx="1318">
                  <c:v>1</c:v>
                </c:pt>
                <c:pt idx="1319">
                  <c:v>1</c:v>
                </c:pt>
                <c:pt idx="1320">
                  <c:v>0.97</c:v>
                </c:pt>
                <c:pt idx="1321">
                  <c:v>0.97</c:v>
                </c:pt>
                <c:pt idx="1322">
                  <c:v>1</c:v>
                </c:pt>
                <c:pt idx="1323">
                  <c:v>0.99</c:v>
                </c:pt>
                <c:pt idx="1324">
                  <c:v>0.99</c:v>
                </c:pt>
                <c:pt idx="1325">
                  <c:v>0.99</c:v>
                </c:pt>
                <c:pt idx="1326">
                  <c:v>1</c:v>
                </c:pt>
                <c:pt idx="1327">
                  <c:v>1</c:v>
                </c:pt>
                <c:pt idx="1328">
                  <c:v>1</c:v>
                </c:pt>
                <c:pt idx="1329">
                  <c:v>0.98</c:v>
                </c:pt>
                <c:pt idx="1330">
                  <c:v>0.98</c:v>
                </c:pt>
                <c:pt idx="1331">
                  <c:v>0.98</c:v>
                </c:pt>
                <c:pt idx="1332">
                  <c:v>1</c:v>
                </c:pt>
                <c:pt idx="1333">
                  <c:v>1</c:v>
                </c:pt>
                <c:pt idx="1334">
                  <c:v>1</c:v>
                </c:pt>
                <c:pt idx="1335">
                  <c:v>1</c:v>
                </c:pt>
                <c:pt idx="1336">
                  <c:v>0.99</c:v>
                </c:pt>
                <c:pt idx="1337">
                  <c:v>0.98</c:v>
                </c:pt>
                <c:pt idx="1338">
                  <c:v>0.99</c:v>
                </c:pt>
                <c:pt idx="1339">
                  <c:v>0.98</c:v>
                </c:pt>
                <c:pt idx="1340">
                  <c:v>0.99</c:v>
                </c:pt>
                <c:pt idx="1341">
                  <c:v>0.99</c:v>
                </c:pt>
                <c:pt idx="1342">
                  <c:v>0.99</c:v>
                </c:pt>
                <c:pt idx="1343">
                  <c:v>0.99</c:v>
                </c:pt>
                <c:pt idx="1344">
                  <c:v>0.99</c:v>
                </c:pt>
                <c:pt idx="1345">
                  <c:v>0.96</c:v>
                </c:pt>
                <c:pt idx="1346">
                  <c:v>0.99</c:v>
                </c:pt>
                <c:pt idx="1347">
                  <c:v>0.98</c:v>
                </c:pt>
                <c:pt idx="1348">
                  <c:v>0.99</c:v>
                </c:pt>
                <c:pt idx="1349">
                  <c:v>0.97</c:v>
                </c:pt>
                <c:pt idx="1350">
                  <c:v>0.97</c:v>
                </c:pt>
                <c:pt idx="1351">
                  <c:v>0.97</c:v>
                </c:pt>
                <c:pt idx="1352">
                  <c:v>1</c:v>
                </c:pt>
                <c:pt idx="1353">
                  <c:v>0.99</c:v>
                </c:pt>
                <c:pt idx="1354">
                  <c:v>0.97</c:v>
                </c:pt>
                <c:pt idx="1355">
                  <c:v>0.97</c:v>
                </c:pt>
                <c:pt idx="1356">
                  <c:v>0.99</c:v>
                </c:pt>
                <c:pt idx="1357">
                  <c:v>0.96</c:v>
                </c:pt>
                <c:pt idx="1358">
                  <c:v>0.97</c:v>
                </c:pt>
                <c:pt idx="1359">
                  <c:v>0.97</c:v>
                </c:pt>
                <c:pt idx="1360">
                  <c:v>1</c:v>
                </c:pt>
                <c:pt idx="1361">
                  <c:v>1</c:v>
                </c:pt>
                <c:pt idx="1362">
                  <c:v>0.99</c:v>
                </c:pt>
                <c:pt idx="1363">
                  <c:v>0.99</c:v>
                </c:pt>
                <c:pt idx="1364">
                  <c:v>0.99</c:v>
                </c:pt>
                <c:pt idx="1365">
                  <c:v>0.99</c:v>
                </c:pt>
                <c:pt idx="1366">
                  <c:v>0.98</c:v>
                </c:pt>
                <c:pt idx="1367">
                  <c:v>0.99</c:v>
                </c:pt>
                <c:pt idx="1368">
                  <c:v>0.98</c:v>
                </c:pt>
                <c:pt idx="1369">
                  <c:v>0.99</c:v>
                </c:pt>
                <c:pt idx="1370">
                  <c:v>0.99</c:v>
                </c:pt>
                <c:pt idx="1371">
                  <c:v>0.98</c:v>
                </c:pt>
                <c:pt idx="1372">
                  <c:v>0.99</c:v>
                </c:pt>
                <c:pt idx="1373">
                  <c:v>0.98</c:v>
                </c:pt>
                <c:pt idx="1374">
                  <c:v>1</c:v>
                </c:pt>
                <c:pt idx="1375">
                  <c:v>0.98</c:v>
                </c:pt>
                <c:pt idx="1376">
                  <c:v>0.97</c:v>
                </c:pt>
                <c:pt idx="1377">
                  <c:v>1</c:v>
                </c:pt>
                <c:pt idx="1378">
                  <c:v>1</c:v>
                </c:pt>
                <c:pt idx="1379">
                  <c:v>0.98</c:v>
                </c:pt>
                <c:pt idx="1380">
                  <c:v>0.98</c:v>
                </c:pt>
                <c:pt idx="1381">
                  <c:v>0.99</c:v>
                </c:pt>
                <c:pt idx="1382">
                  <c:v>0.98</c:v>
                </c:pt>
                <c:pt idx="1383">
                  <c:v>0.99</c:v>
                </c:pt>
                <c:pt idx="1384">
                  <c:v>0.99</c:v>
                </c:pt>
                <c:pt idx="1385">
                  <c:v>0.96</c:v>
                </c:pt>
                <c:pt idx="1386">
                  <c:v>1</c:v>
                </c:pt>
                <c:pt idx="1387">
                  <c:v>0.98</c:v>
                </c:pt>
                <c:pt idx="1388">
                  <c:v>0.97</c:v>
                </c:pt>
                <c:pt idx="1389">
                  <c:v>0.99</c:v>
                </c:pt>
                <c:pt idx="1390">
                  <c:v>0.99</c:v>
                </c:pt>
                <c:pt idx="1391">
                  <c:v>0.96</c:v>
                </c:pt>
                <c:pt idx="1392">
                  <c:v>0.96</c:v>
                </c:pt>
                <c:pt idx="1393">
                  <c:v>0.98</c:v>
                </c:pt>
                <c:pt idx="1394">
                  <c:v>0.98</c:v>
                </c:pt>
                <c:pt idx="1395">
                  <c:v>0.98</c:v>
                </c:pt>
                <c:pt idx="1396">
                  <c:v>0.97</c:v>
                </c:pt>
                <c:pt idx="1397">
                  <c:v>0.98</c:v>
                </c:pt>
                <c:pt idx="1398">
                  <c:v>0.99</c:v>
                </c:pt>
                <c:pt idx="1399">
                  <c:v>0.99</c:v>
                </c:pt>
                <c:pt idx="1400">
                  <c:v>0.99</c:v>
                </c:pt>
                <c:pt idx="1401">
                  <c:v>0.97</c:v>
                </c:pt>
                <c:pt idx="1402">
                  <c:v>0.98</c:v>
                </c:pt>
                <c:pt idx="1403">
                  <c:v>0.97</c:v>
                </c:pt>
                <c:pt idx="1404">
                  <c:v>0.97</c:v>
                </c:pt>
                <c:pt idx="1405">
                  <c:v>0.98</c:v>
                </c:pt>
                <c:pt idx="1406">
                  <c:v>0.99</c:v>
                </c:pt>
                <c:pt idx="1407">
                  <c:v>0.99</c:v>
                </c:pt>
                <c:pt idx="1408">
                  <c:v>0.97</c:v>
                </c:pt>
                <c:pt idx="1409">
                  <c:v>1</c:v>
                </c:pt>
                <c:pt idx="1410">
                  <c:v>1</c:v>
                </c:pt>
                <c:pt idx="1411">
                  <c:v>1</c:v>
                </c:pt>
                <c:pt idx="1412">
                  <c:v>0.99</c:v>
                </c:pt>
                <c:pt idx="1413">
                  <c:v>0.99</c:v>
                </c:pt>
                <c:pt idx="1414">
                  <c:v>0.98</c:v>
                </c:pt>
                <c:pt idx="1415">
                  <c:v>1</c:v>
                </c:pt>
                <c:pt idx="1416">
                  <c:v>0.97</c:v>
                </c:pt>
                <c:pt idx="1417">
                  <c:v>0.96</c:v>
                </c:pt>
                <c:pt idx="1418">
                  <c:v>1</c:v>
                </c:pt>
                <c:pt idx="1419">
                  <c:v>0.99</c:v>
                </c:pt>
                <c:pt idx="1420">
                  <c:v>1</c:v>
                </c:pt>
                <c:pt idx="1421">
                  <c:v>0.98</c:v>
                </c:pt>
                <c:pt idx="1422">
                  <c:v>1</c:v>
                </c:pt>
                <c:pt idx="1423">
                  <c:v>1</c:v>
                </c:pt>
                <c:pt idx="1424">
                  <c:v>0.99</c:v>
                </c:pt>
                <c:pt idx="1425">
                  <c:v>0.99</c:v>
                </c:pt>
                <c:pt idx="1426">
                  <c:v>0.97</c:v>
                </c:pt>
                <c:pt idx="1427">
                  <c:v>0.99</c:v>
                </c:pt>
                <c:pt idx="1428">
                  <c:v>0.99</c:v>
                </c:pt>
                <c:pt idx="1429">
                  <c:v>1</c:v>
                </c:pt>
                <c:pt idx="1430">
                  <c:v>0.97</c:v>
                </c:pt>
                <c:pt idx="1431">
                  <c:v>0.99</c:v>
                </c:pt>
                <c:pt idx="1432">
                  <c:v>0.99</c:v>
                </c:pt>
                <c:pt idx="1433">
                  <c:v>0.96</c:v>
                </c:pt>
                <c:pt idx="1434">
                  <c:v>0.97</c:v>
                </c:pt>
                <c:pt idx="1435">
                  <c:v>1</c:v>
                </c:pt>
                <c:pt idx="1436">
                  <c:v>0.97</c:v>
                </c:pt>
                <c:pt idx="1437">
                  <c:v>1</c:v>
                </c:pt>
                <c:pt idx="1438">
                  <c:v>0.99</c:v>
                </c:pt>
                <c:pt idx="1439">
                  <c:v>1</c:v>
                </c:pt>
                <c:pt idx="1440">
                  <c:v>0.98</c:v>
                </c:pt>
                <c:pt idx="1441">
                  <c:v>0.99</c:v>
                </c:pt>
                <c:pt idx="1442">
                  <c:v>1</c:v>
                </c:pt>
                <c:pt idx="1443">
                  <c:v>1</c:v>
                </c:pt>
                <c:pt idx="1444">
                  <c:v>0.98</c:v>
                </c:pt>
                <c:pt idx="1445">
                  <c:v>0.99</c:v>
                </c:pt>
                <c:pt idx="1446">
                  <c:v>0.99</c:v>
                </c:pt>
                <c:pt idx="1447">
                  <c:v>0.98</c:v>
                </c:pt>
                <c:pt idx="1448">
                  <c:v>0.97</c:v>
                </c:pt>
                <c:pt idx="1449">
                  <c:v>1</c:v>
                </c:pt>
                <c:pt idx="1450">
                  <c:v>0.98</c:v>
                </c:pt>
                <c:pt idx="1451">
                  <c:v>1</c:v>
                </c:pt>
                <c:pt idx="1452">
                  <c:v>1</c:v>
                </c:pt>
                <c:pt idx="1453">
                  <c:v>1</c:v>
                </c:pt>
                <c:pt idx="1454">
                  <c:v>1</c:v>
                </c:pt>
                <c:pt idx="1455">
                  <c:v>0.98</c:v>
                </c:pt>
                <c:pt idx="1456">
                  <c:v>0.99</c:v>
                </c:pt>
                <c:pt idx="1457">
                  <c:v>0.98</c:v>
                </c:pt>
                <c:pt idx="1458">
                  <c:v>0.98</c:v>
                </c:pt>
                <c:pt idx="1459">
                  <c:v>0.99</c:v>
                </c:pt>
                <c:pt idx="1460">
                  <c:v>0.99</c:v>
                </c:pt>
                <c:pt idx="1461">
                  <c:v>0.98</c:v>
                </c:pt>
                <c:pt idx="1462">
                  <c:v>0.97</c:v>
                </c:pt>
                <c:pt idx="1463">
                  <c:v>0.99</c:v>
                </c:pt>
                <c:pt idx="1464">
                  <c:v>0.99</c:v>
                </c:pt>
                <c:pt idx="1465">
                  <c:v>0.97</c:v>
                </c:pt>
                <c:pt idx="1466">
                  <c:v>0.98</c:v>
                </c:pt>
                <c:pt idx="1467">
                  <c:v>0.99</c:v>
                </c:pt>
                <c:pt idx="1468">
                  <c:v>1</c:v>
                </c:pt>
                <c:pt idx="1469">
                  <c:v>0.99</c:v>
                </c:pt>
                <c:pt idx="1470">
                  <c:v>0.98</c:v>
                </c:pt>
                <c:pt idx="1471">
                  <c:v>1</c:v>
                </c:pt>
                <c:pt idx="1472">
                  <c:v>0.97</c:v>
                </c:pt>
                <c:pt idx="1473">
                  <c:v>0.98</c:v>
                </c:pt>
                <c:pt idx="1474">
                  <c:v>0.98</c:v>
                </c:pt>
                <c:pt idx="1475">
                  <c:v>0.99</c:v>
                </c:pt>
                <c:pt idx="1476">
                  <c:v>0.97</c:v>
                </c:pt>
                <c:pt idx="1477">
                  <c:v>0.99</c:v>
                </c:pt>
                <c:pt idx="1478">
                  <c:v>0.99</c:v>
                </c:pt>
                <c:pt idx="1479">
                  <c:v>0.97</c:v>
                </c:pt>
                <c:pt idx="1480">
                  <c:v>0.98</c:v>
                </c:pt>
                <c:pt idx="1481">
                  <c:v>0.99</c:v>
                </c:pt>
                <c:pt idx="1482">
                  <c:v>0.98</c:v>
                </c:pt>
                <c:pt idx="1483">
                  <c:v>1</c:v>
                </c:pt>
                <c:pt idx="1484">
                  <c:v>0.99</c:v>
                </c:pt>
                <c:pt idx="1485">
                  <c:v>0.96</c:v>
                </c:pt>
                <c:pt idx="1486">
                  <c:v>1</c:v>
                </c:pt>
                <c:pt idx="1487">
                  <c:v>0.99</c:v>
                </c:pt>
                <c:pt idx="1488">
                  <c:v>0.99</c:v>
                </c:pt>
                <c:pt idx="1489">
                  <c:v>0.98</c:v>
                </c:pt>
                <c:pt idx="1490">
                  <c:v>0.97</c:v>
                </c:pt>
                <c:pt idx="1491">
                  <c:v>0.97</c:v>
                </c:pt>
                <c:pt idx="1492">
                  <c:v>0.99</c:v>
                </c:pt>
                <c:pt idx="1493">
                  <c:v>1</c:v>
                </c:pt>
                <c:pt idx="1494">
                  <c:v>0.97</c:v>
                </c:pt>
                <c:pt idx="1495">
                  <c:v>0.97</c:v>
                </c:pt>
                <c:pt idx="1496">
                  <c:v>0.99</c:v>
                </c:pt>
                <c:pt idx="1497">
                  <c:v>1</c:v>
                </c:pt>
                <c:pt idx="1498">
                  <c:v>0.98</c:v>
                </c:pt>
                <c:pt idx="1499">
                  <c:v>1</c:v>
                </c:pt>
                <c:pt idx="1500">
                  <c:v>0.99</c:v>
                </c:pt>
                <c:pt idx="1501">
                  <c:v>1</c:v>
                </c:pt>
                <c:pt idx="1502">
                  <c:v>0.97</c:v>
                </c:pt>
                <c:pt idx="1503">
                  <c:v>0.96</c:v>
                </c:pt>
                <c:pt idx="1504">
                  <c:v>0.96</c:v>
                </c:pt>
                <c:pt idx="1505">
                  <c:v>0.97</c:v>
                </c:pt>
                <c:pt idx="1506">
                  <c:v>0.99</c:v>
                </c:pt>
                <c:pt idx="1507">
                  <c:v>0.99</c:v>
                </c:pt>
                <c:pt idx="1508">
                  <c:v>1</c:v>
                </c:pt>
                <c:pt idx="1509">
                  <c:v>1</c:v>
                </c:pt>
                <c:pt idx="1510">
                  <c:v>0.98</c:v>
                </c:pt>
                <c:pt idx="1511">
                  <c:v>0.99</c:v>
                </c:pt>
                <c:pt idx="1512">
                  <c:v>0.97</c:v>
                </c:pt>
                <c:pt idx="1513">
                  <c:v>0.99</c:v>
                </c:pt>
                <c:pt idx="1514">
                  <c:v>1</c:v>
                </c:pt>
                <c:pt idx="1515">
                  <c:v>1</c:v>
                </c:pt>
                <c:pt idx="1516">
                  <c:v>0.96</c:v>
                </c:pt>
                <c:pt idx="1517">
                  <c:v>0.99</c:v>
                </c:pt>
                <c:pt idx="1518">
                  <c:v>0.95</c:v>
                </c:pt>
                <c:pt idx="1519">
                  <c:v>0.98</c:v>
                </c:pt>
                <c:pt idx="1520">
                  <c:v>0.98</c:v>
                </c:pt>
                <c:pt idx="1521">
                  <c:v>0.97</c:v>
                </c:pt>
                <c:pt idx="1522">
                  <c:v>0.99</c:v>
                </c:pt>
                <c:pt idx="1523">
                  <c:v>0.99</c:v>
                </c:pt>
                <c:pt idx="1524">
                  <c:v>0.98</c:v>
                </c:pt>
                <c:pt idx="1525">
                  <c:v>1</c:v>
                </c:pt>
                <c:pt idx="1526">
                  <c:v>0.98</c:v>
                </c:pt>
                <c:pt idx="1527">
                  <c:v>0.99</c:v>
                </c:pt>
                <c:pt idx="1528">
                  <c:v>0.97</c:v>
                </c:pt>
                <c:pt idx="1529">
                  <c:v>1</c:v>
                </c:pt>
                <c:pt idx="1530">
                  <c:v>1</c:v>
                </c:pt>
                <c:pt idx="1531">
                  <c:v>1</c:v>
                </c:pt>
                <c:pt idx="1532">
                  <c:v>0.98</c:v>
                </c:pt>
                <c:pt idx="1533">
                  <c:v>1</c:v>
                </c:pt>
                <c:pt idx="1534">
                  <c:v>0.99</c:v>
                </c:pt>
                <c:pt idx="1535">
                  <c:v>1</c:v>
                </c:pt>
                <c:pt idx="1536">
                  <c:v>0.97</c:v>
                </c:pt>
                <c:pt idx="1537">
                  <c:v>0.98</c:v>
                </c:pt>
                <c:pt idx="1538">
                  <c:v>0.99</c:v>
                </c:pt>
                <c:pt idx="1539">
                  <c:v>0.99</c:v>
                </c:pt>
                <c:pt idx="1540">
                  <c:v>1</c:v>
                </c:pt>
                <c:pt idx="1541">
                  <c:v>0.95</c:v>
                </c:pt>
                <c:pt idx="1542">
                  <c:v>1</c:v>
                </c:pt>
                <c:pt idx="1543">
                  <c:v>0.98</c:v>
                </c:pt>
                <c:pt idx="1544">
                  <c:v>1</c:v>
                </c:pt>
                <c:pt idx="1545">
                  <c:v>0.97</c:v>
                </c:pt>
                <c:pt idx="1546">
                  <c:v>0.99</c:v>
                </c:pt>
                <c:pt idx="1547">
                  <c:v>0.99</c:v>
                </c:pt>
                <c:pt idx="1548">
                  <c:v>1</c:v>
                </c:pt>
                <c:pt idx="1549">
                  <c:v>1</c:v>
                </c:pt>
                <c:pt idx="1550">
                  <c:v>1</c:v>
                </c:pt>
                <c:pt idx="1551">
                  <c:v>1</c:v>
                </c:pt>
                <c:pt idx="1552">
                  <c:v>1</c:v>
                </c:pt>
                <c:pt idx="1553">
                  <c:v>1</c:v>
                </c:pt>
                <c:pt idx="1554">
                  <c:v>0.97</c:v>
                </c:pt>
                <c:pt idx="1555">
                  <c:v>1</c:v>
                </c:pt>
                <c:pt idx="1556">
                  <c:v>0.99</c:v>
                </c:pt>
                <c:pt idx="1557">
                  <c:v>0.99</c:v>
                </c:pt>
                <c:pt idx="1558">
                  <c:v>0.98</c:v>
                </c:pt>
                <c:pt idx="1559">
                  <c:v>0.98</c:v>
                </c:pt>
                <c:pt idx="1560">
                  <c:v>0.99</c:v>
                </c:pt>
                <c:pt idx="1561">
                  <c:v>0.99</c:v>
                </c:pt>
                <c:pt idx="1562">
                  <c:v>0.95</c:v>
                </c:pt>
                <c:pt idx="1563">
                  <c:v>0.99</c:v>
                </c:pt>
                <c:pt idx="1564">
                  <c:v>0.99</c:v>
                </c:pt>
                <c:pt idx="1565">
                  <c:v>0.97</c:v>
                </c:pt>
                <c:pt idx="1566">
                  <c:v>0.97</c:v>
                </c:pt>
                <c:pt idx="1567">
                  <c:v>0.98</c:v>
                </c:pt>
                <c:pt idx="1568">
                  <c:v>0.97</c:v>
                </c:pt>
                <c:pt idx="1569">
                  <c:v>1</c:v>
                </c:pt>
                <c:pt idx="1570">
                  <c:v>0.98</c:v>
                </c:pt>
                <c:pt idx="1571">
                  <c:v>1</c:v>
                </c:pt>
                <c:pt idx="1572">
                  <c:v>0.99</c:v>
                </c:pt>
                <c:pt idx="1573">
                  <c:v>1</c:v>
                </c:pt>
                <c:pt idx="1574">
                  <c:v>0.99</c:v>
                </c:pt>
                <c:pt idx="1575">
                  <c:v>0.99</c:v>
                </c:pt>
                <c:pt idx="1576">
                  <c:v>1</c:v>
                </c:pt>
                <c:pt idx="1577">
                  <c:v>0.98</c:v>
                </c:pt>
                <c:pt idx="1578">
                  <c:v>0.98</c:v>
                </c:pt>
                <c:pt idx="1579">
                  <c:v>0.99</c:v>
                </c:pt>
                <c:pt idx="1580">
                  <c:v>0.95</c:v>
                </c:pt>
                <c:pt idx="1581">
                  <c:v>0.99</c:v>
                </c:pt>
                <c:pt idx="1582">
                  <c:v>0.99</c:v>
                </c:pt>
                <c:pt idx="1583">
                  <c:v>1</c:v>
                </c:pt>
                <c:pt idx="1584">
                  <c:v>0.97</c:v>
                </c:pt>
                <c:pt idx="1585">
                  <c:v>1</c:v>
                </c:pt>
                <c:pt idx="1586">
                  <c:v>1</c:v>
                </c:pt>
                <c:pt idx="1587">
                  <c:v>0.98</c:v>
                </c:pt>
                <c:pt idx="1588">
                  <c:v>0.99</c:v>
                </c:pt>
                <c:pt idx="1589">
                  <c:v>0.99</c:v>
                </c:pt>
                <c:pt idx="1590">
                  <c:v>0.99</c:v>
                </c:pt>
                <c:pt idx="1591">
                  <c:v>0.99</c:v>
                </c:pt>
                <c:pt idx="1592">
                  <c:v>1</c:v>
                </c:pt>
                <c:pt idx="1593">
                  <c:v>0.98</c:v>
                </c:pt>
                <c:pt idx="1594">
                  <c:v>0.98</c:v>
                </c:pt>
                <c:pt idx="1595">
                  <c:v>0.99</c:v>
                </c:pt>
                <c:pt idx="1596">
                  <c:v>0.99</c:v>
                </c:pt>
                <c:pt idx="1597">
                  <c:v>1</c:v>
                </c:pt>
                <c:pt idx="1598">
                  <c:v>0.99</c:v>
                </c:pt>
                <c:pt idx="1599">
                  <c:v>0.99</c:v>
                </c:pt>
                <c:pt idx="1600">
                  <c:v>0.99</c:v>
                </c:pt>
                <c:pt idx="1601">
                  <c:v>1</c:v>
                </c:pt>
                <c:pt idx="1602">
                  <c:v>0.99</c:v>
                </c:pt>
                <c:pt idx="1603">
                  <c:v>0.99</c:v>
                </c:pt>
                <c:pt idx="1604">
                  <c:v>0.97</c:v>
                </c:pt>
                <c:pt idx="1605">
                  <c:v>1</c:v>
                </c:pt>
                <c:pt idx="1606">
                  <c:v>1</c:v>
                </c:pt>
                <c:pt idx="1607">
                  <c:v>0.98</c:v>
                </c:pt>
                <c:pt idx="1608">
                  <c:v>0.99</c:v>
                </c:pt>
                <c:pt idx="1609">
                  <c:v>0.97</c:v>
                </c:pt>
                <c:pt idx="1610">
                  <c:v>1</c:v>
                </c:pt>
                <c:pt idx="1611">
                  <c:v>0.97</c:v>
                </c:pt>
                <c:pt idx="1612">
                  <c:v>0.99</c:v>
                </c:pt>
                <c:pt idx="1613">
                  <c:v>0.97</c:v>
                </c:pt>
                <c:pt idx="1614">
                  <c:v>0.96</c:v>
                </c:pt>
                <c:pt idx="1615">
                  <c:v>0.98</c:v>
                </c:pt>
                <c:pt idx="1616">
                  <c:v>1</c:v>
                </c:pt>
                <c:pt idx="1617">
                  <c:v>1</c:v>
                </c:pt>
                <c:pt idx="1618">
                  <c:v>0.98</c:v>
                </c:pt>
                <c:pt idx="1619">
                  <c:v>1</c:v>
                </c:pt>
                <c:pt idx="1620">
                  <c:v>0.98</c:v>
                </c:pt>
                <c:pt idx="1621">
                  <c:v>0.99</c:v>
                </c:pt>
                <c:pt idx="1622">
                  <c:v>0.98</c:v>
                </c:pt>
                <c:pt idx="1624">
                  <c:v>0.98</c:v>
                </c:pt>
                <c:pt idx="1625">
                  <c:v>0.99</c:v>
                </c:pt>
                <c:pt idx="1626">
                  <c:v>0.99</c:v>
                </c:pt>
                <c:pt idx="1627">
                  <c:v>0.98</c:v>
                </c:pt>
                <c:pt idx="1628">
                  <c:v>1</c:v>
                </c:pt>
                <c:pt idx="1629">
                  <c:v>0.99</c:v>
                </c:pt>
                <c:pt idx="1630">
                  <c:v>0.99</c:v>
                </c:pt>
                <c:pt idx="1631">
                  <c:v>0.98</c:v>
                </c:pt>
                <c:pt idx="1632">
                  <c:v>0.98</c:v>
                </c:pt>
                <c:pt idx="1633">
                  <c:v>0.98</c:v>
                </c:pt>
                <c:pt idx="1634">
                  <c:v>0.98</c:v>
                </c:pt>
                <c:pt idx="1635">
                  <c:v>1</c:v>
                </c:pt>
                <c:pt idx="1636">
                  <c:v>1</c:v>
                </c:pt>
                <c:pt idx="1637">
                  <c:v>1</c:v>
                </c:pt>
                <c:pt idx="1638">
                  <c:v>0.99</c:v>
                </c:pt>
                <c:pt idx="1639">
                  <c:v>0.97</c:v>
                </c:pt>
                <c:pt idx="1640">
                  <c:v>0.99</c:v>
                </c:pt>
                <c:pt idx="1641">
                  <c:v>0.99</c:v>
                </c:pt>
                <c:pt idx="1642">
                  <c:v>0.98</c:v>
                </c:pt>
                <c:pt idx="1643">
                  <c:v>0.98</c:v>
                </c:pt>
                <c:pt idx="1644">
                  <c:v>0.99</c:v>
                </c:pt>
                <c:pt idx="1645">
                  <c:v>1</c:v>
                </c:pt>
                <c:pt idx="1646">
                  <c:v>0.98</c:v>
                </c:pt>
                <c:pt idx="1647">
                  <c:v>0.98</c:v>
                </c:pt>
                <c:pt idx="1648">
                  <c:v>0.99</c:v>
                </c:pt>
                <c:pt idx="1649">
                  <c:v>1</c:v>
                </c:pt>
                <c:pt idx="1650">
                  <c:v>0.98</c:v>
                </c:pt>
                <c:pt idx="1651">
                  <c:v>0.97</c:v>
                </c:pt>
                <c:pt idx="1652">
                  <c:v>0.98</c:v>
                </c:pt>
                <c:pt idx="1653">
                  <c:v>1</c:v>
                </c:pt>
                <c:pt idx="1654">
                  <c:v>1</c:v>
                </c:pt>
                <c:pt idx="1655">
                  <c:v>1</c:v>
                </c:pt>
                <c:pt idx="1656">
                  <c:v>0.97</c:v>
                </c:pt>
                <c:pt idx="1657">
                  <c:v>1</c:v>
                </c:pt>
                <c:pt idx="1658">
                  <c:v>1</c:v>
                </c:pt>
                <c:pt idx="1659">
                  <c:v>0.98</c:v>
                </c:pt>
                <c:pt idx="1660">
                  <c:v>1</c:v>
                </c:pt>
                <c:pt idx="1661">
                  <c:v>0.99</c:v>
                </c:pt>
                <c:pt idx="1662">
                  <c:v>1</c:v>
                </c:pt>
                <c:pt idx="1663">
                  <c:v>0.97</c:v>
                </c:pt>
                <c:pt idx="1664">
                  <c:v>0.99</c:v>
                </c:pt>
                <c:pt idx="1665">
                  <c:v>0.99</c:v>
                </c:pt>
              </c:numCache>
            </c:numRef>
          </c:val>
          <c:smooth val="0"/>
          <c:extLst xmlns:c16r2="http://schemas.microsoft.com/office/drawing/2015/06/chart">
            <c:ext xmlns:c16="http://schemas.microsoft.com/office/drawing/2014/chart" uri="{C3380CC4-5D6E-409C-BE32-E72D297353CC}">
              <c16:uniqueId val="{00000000-4CDC-4287-A3C2-11359347980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-1275502512"/>
        <c:axId val="-1275508496"/>
      </c:lineChart>
      <c:catAx>
        <c:axId val="-127550251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ja-JP"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zh-TW"/>
          </a:p>
        </c:txPr>
        <c:crossAx val="-1275508496"/>
        <c:crosses val="autoZero"/>
        <c:auto val="1"/>
        <c:lblAlgn val="ctr"/>
        <c:lblOffset val="100"/>
        <c:noMultiLvlLbl val="0"/>
      </c:catAx>
      <c:valAx>
        <c:axId val="-127550849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.0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ja-JP"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zh-TW"/>
          </a:p>
        </c:txPr>
        <c:crossAx val="-127550251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solidFill>
      <a:srgbClr val="FFFFFF"/>
    </a:solidFill>
    <a:ln>
      <a:solidFill>
        <a:srgbClr val="828282"/>
      </a:solidFill>
    </a:ln>
    <a:effectLst/>
  </c:spPr>
  <c:txPr>
    <a:bodyPr/>
    <a:lstStyle/>
    <a:p>
      <a:pPr>
        <a:defRPr/>
      </a:pPr>
      <a:endParaRPr lang="zh-TW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zh-TW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lineChart>
        <c:grouping val="standard"/>
        <c:varyColors val="0"/>
        <c:ser>
          <c:idx val="0"/>
          <c:order val="0"/>
          <c:marker>
            <c:symbol val="none"/>
          </c:marker>
          <c:val>
            <c:numRef>
              <c:f>Sheet1!$B$2:$B$101</c:f>
              <c:numCache>
                <c:formatCode>General</c:formatCode>
                <c:ptCount val="100"/>
                <c:pt idx="0">
                  <c:v>0.5</c:v>
                </c:pt>
                <c:pt idx="1">
                  <c:v>1</c:v>
                </c:pt>
                <c:pt idx="2">
                  <c:v>3</c:v>
                </c:pt>
                <c:pt idx="3">
                  <c:v>12</c:v>
                </c:pt>
                <c:pt idx="4">
                  <c:v>60</c:v>
                </c:pt>
                <c:pt idx="5">
                  <c:v>360</c:v>
                </c:pt>
                <c:pt idx="6">
                  <c:v>2520</c:v>
                </c:pt>
                <c:pt idx="7">
                  <c:v>20160</c:v>
                </c:pt>
                <c:pt idx="8">
                  <c:v>181440</c:v>
                </c:pt>
                <c:pt idx="9">
                  <c:v>1814400</c:v>
                </c:pt>
                <c:pt idx="10">
                  <c:v>19958400</c:v>
                </c:pt>
                <c:pt idx="11">
                  <c:v>239500800</c:v>
                </c:pt>
                <c:pt idx="12">
                  <c:v>3113510400</c:v>
                </c:pt>
                <c:pt idx="13">
                  <c:v>43589145600</c:v>
                </c:pt>
                <c:pt idx="14">
                  <c:v>653837184000</c:v>
                </c:pt>
                <c:pt idx="15">
                  <c:v>10461394944000</c:v>
                </c:pt>
                <c:pt idx="16">
                  <c:v>177843714048000</c:v>
                </c:pt>
                <c:pt idx="17">
                  <c:v>3201186852864000</c:v>
                </c:pt>
                <c:pt idx="18">
                  <c:v>6.0822550204416E+16</c:v>
                </c:pt>
                <c:pt idx="19">
                  <c:v>1.21645100408832E+18</c:v>
                </c:pt>
                <c:pt idx="20">
                  <c:v>2.554547108585472E+19</c:v>
                </c:pt>
                <c:pt idx="21">
                  <c:v>5.6200036388880384E+20</c:v>
                </c:pt>
                <c:pt idx="22">
                  <c:v>1.2926008369442489E+22</c:v>
                </c:pt>
                <c:pt idx="23">
                  <c:v>3.102242008666197E+23</c:v>
                </c:pt>
                <c:pt idx="24">
                  <c:v>7.755605021665492E+24</c:v>
                </c:pt>
                <c:pt idx="25">
                  <c:v>2.0164573056330286E+26</c:v>
                </c:pt>
                <c:pt idx="26">
                  <c:v>5.444434725209176E+27</c:v>
                </c:pt>
                <c:pt idx="27">
                  <c:v>1.524441723058569E+29</c:v>
                </c:pt>
                <c:pt idx="28">
                  <c:v>4.4208809968698504E+30</c:v>
                </c:pt>
                <c:pt idx="29">
                  <c:v>1.3262642990609555E+32</c:v>
                </c:pt>
                <c:pt idx="30">
                  <c:v>4.1114193270889618E+33</c:v>
                </c:pt>
                <c:pt idx="31">
                  <c:v>1.3156541846684678E+35</c:v>
                </c:pt>
                <c:pt idx="32">
                  <c:v>4.3416588094059447E+36</c:v>
                </c:pt>
                <c:pt idx="33">
                  <c:v>1.4761639951980204E+38</c:v>
                </c:pt>
                <c:pt idx="34">
                  <c:v>5.1665739831930721E+39</c:v>
                </c:pt>
                <c:pt idx="35">
                  <c:v>1.8599666339495067E+41</c:v>
                </c:pt>
                <c:pt idx="36">
                  <c:v>6.8818765456131728E+42</c:v>
                </c:pt>
                <c:pt idx="37">
                  <c:v>2.6151130873330052E+44</c:v>
                </c:pt>
                <c:pt idx="38">
                  <c:v>1.0198941040598723E+46</c:v>
                </c:pt>
                <c:pt idx="39">
                  <c:v>4.07957641623949E+47</c:v>
                </c:pt>
                <c:pt idx="40">
                  <c:v>1.6726263306581899E+49</c:v>
                </c:pt>
                <c:pt idx="41">
                  <c:v>7.0250305887644006E+50</c:v>
                </c:pt>
                <c:pt idx="42">
                  <c:v>3.0207631531686922E+52</c:v>
                </c:pt>
                <c:pt idx="43">
                  <c:v>1.3291357873942248E+54</c:v>
                </c:pt>
                <c:pt idx="44">
                  <c:v>5.9811110432740105E+55</c:v>
                </c:pt>
                <c:pt idx="45">
                  <c:v>2.7513110799060446E+57</c:v>
                </c:pt>
                <c:pt idx="46">
                  <c:v>1.2931162075558413E+59</c:v>
                </c:pt>
                <c:pt idx="47">
                  <c:v>6.2069577962680341E+60</c:v>
                </c:pt>
                <c:pt idx="48">
                  <c:v>3.0414093201713394E+62</c:v>
                </c:pt>
                <c:pt idx="49">
                  <c:v>1.5207046600856688E+64</c:v>
                </c:pt>
                <c:pt idx="50">
                  <c:v>7.7555937664369081E+65</c:v>
                </c:pt>
                <c:pt idx="51">
                  <c:v>4.032908758547195E+67</c:v>
                </c:pt>
                <c:pt idx="52">
                  <c:v>2.137441642030012E+69</c:v>
                </c:pt>
                <c:pt idx="53">
                  <c:v>1.1542184866962064E+71</c:v>
                </c:pt>
                <c:pt idx="54">
                  <c:v>6.3482016768291319E+72</c:v>
                </c:pt>
                <c:pt idx="55">
                  <c:v>3.5549929390243159E+74</c:v>
                </c:pt>
                <c:pt idx="56">
                  <c:v>2.0263459752438613E+76</c:v>
                </c:pt>
                <c:pt idx="57">
                  <c:v>1.1752806656414395E+78</c:v>
                </c:pt>
                <c:pt idx="58">
                  <c:v>6.9341559272844906E+79</c:v>
                </c:pt>
                <c:pt idx="59">
                  <c:v>4.1604935563706949E+81</c:v>
                </c:pt>
                <c:pt idx="60">
                  <c:v>2.5379010693861231E+83</c:v>
                </c:pt>
                <c:pt idx="61">
                  <c:v>1.573498663019397E+85</c:v>
                </c:pt>
                <c:pt idx="62">
                  <c:v>9.9130415770221982E+86</c:v>
                </c:pt>
                <c:pt idx="63">
                  <c:v>6.3443466092942069E+88</c:v>
                </c:pt>
                <c:pt idx="64">
                  <c:v>4.1238252960412358E+90</c:v>
                </c:pt>
                <c:pt idx="65">
                  <c:v>2.7217246953872159E+92</c:v>
                </c:pt>
                <c:pt idx="66">
                  <c:v>1.8235555459094353E+94</c:v>
                </c:pt>
                <c:pt idx="67">
                  <c:v>1.240017771218415E+96</c:v>
                </c:pt>
                <c:pt idx="68">
                  <c:v>8.5561226214070634E+97</c:v>
                </c:pt>
                <c:pt idx="69">
                  <c:v>5.9892858349849461E+99</c:v>
                </c:pt>
                <c:pt idx="70">
                  <c:v>4.2523929428393121E+101</c:v>
                </c:pt>
                <c:pt idx="71">
                  <c:v>3.0617229188443058E+103</c:v>
                </c:pt>
                <c:pt idx="72">
                  <c:v>2.235057730756343E+105</c:v>
                </c:pt>
                <c:pt idx="73">
                  <c:v>1.6539427207596934E+107</c:v>
                </c:pt>
                <c:pt idx="74">
                  <c:v>1.2404570405697702E+109</c:v>
                </c:pt>
                <c:pt idx="75">
                  <c:v>9.4274735083302532E+110</c:v>
                </c:pt>
                <c:pt idx="76">
                  <c:v>7.2591546014142953E+112</c:v>
                </c:pt>
                <c:pt idx="77">
                  <c:v>5.6621405891031473E+114</c:v>
                </c:pt>
                <c:pt idx="78">
                  <c:v>4.47309106539149E+116</c:v>
                </c:pt>
                <c:pt idx="79">
                  <c:v>3.5784728523131898E+118</c:v>
                </c:pt>
                <c:pt idx="80">
                  <c:v>2.8985630103736845E+120</c:v>
                </c:pt>
                <c:pt idx="81">
                  <c:v>2.3768216685064217E+122</c:v>
                </c:pt>
                <c:pt idx="82">
                  <c:v>1.9727619848603301E+124</c:v>
                </c:pt>
                <c:pt idx="83">
                  <c:v>1.6571200672826769E+126</c:v>
                </c:pt>
                <c:pt idx="84">
                  <c:v>1.4085520571902747E+128</c:v>
                </c:pt>
                <c:pt idx="85">
                  <c:v>1.2113547691836372E+130</c:v>
                </c:pt>
                <c:pt idx="86">
                  <c:v>1.0538786491897635E+132</c:v>
                </c:pt>
                <c:pt idx="87">
                  <c:v>9.2741321128699198E+133</c:v>
                </c:pt>
                <c:pt idx="88">
                  <c:v>8.2539775804542327E+135</c:v>
                </c:pt>
                <c:pt idx="89">
                  <c:v>7.4285798224088026E+137</c:v>
                </c:pt>
                <c:pt idx="90">
                  <c:v>6.7600076383920167E+139</c:v>
                </c:pt>
                <c:pt idx="91">
                  <c:v>6.2192070273206527E+141</c:v>
                </c:pt>
                <c:pt idx="92">
                  <c:v>5.7838625354082052E+143</c:v>
                </c:pt>
                <c:pt idx="93">
                  <c:v>5.4368307832837132E+145</c:v>
                </c:pt>
                <c:pt idx="94">
                  <c:v>5.1649892441195304E+147</c:v>
                </c:pt>
                <c:pt idx="95">
                  <c:v>4.9583896743547455E+149</c:v>
                </c:pt>
                <c:pt idx="96">
                  <c:v>4.8096379841241078E+151</c:v>
                </c:pt>
                <c:pt idx="97">
                  <c:v>4.713445224441624E+153</c:v>
                </c:pt>
                <c:pt idx="98">
                  <c:v>4.6663107721972077E+155</c:v>
                </c:pt>
                <c:pt idx="99">
                  <c:v>4.6663107721972088E+157</c:v>
                </c:pt>
              </c:numCache>
            </c:numRef>
          </c:val>
          <c:smooth val="0"/>
          <c:extLst xmlns:c16r2="http://schemas.microsoft.com/office/drawing/2015/06/chart">
            <c:ext xmlns:c16="http://schemas.microsoft.com/office/drawing/2014/chart" uri="{C3380CC4-5D6E-409C-BE32-E72D297353CC}">
              <c16:uniqueId val="{00000000-D0C3-48CE-8BFD-13C655B18FB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-981362208"/>
        <c:axId val="-914055520"/>
      </c:lineChart>
      <c:catAx>
        <c:axId val="-981362208"/>
        <c:scaling>
          <c:orientation val="minMax"/>
        </c:scaling>
        <c:delete val="0"/>
        <c:axPos val="b"/>
        <c:majorTickMark val="out"/>
        <c:minorTickMark val="none"/>
        <c:tickLblPos val="nextTo"/>
        <c:txPr>
          <a:bodyPr/>
          <a:lstStyle/>
          <a:p>
            <a:pPr>
              <a:defRPr lang="ja-JP"/>
            </a:pPr>
            <a:endParaRPr lang="zh-TW"/>
          </a:p>
        </c:txPr>
        <c:crossAx val="-914055520"/>
        <c:crosses val="autoZero"/>
        <c:auto val="1"/>
        <c:lblAlgn val="ctr"/>
        <c:lblOffset val="100"/>
        <c:tickLblSkip val="10"/>
        <c:tickMarkSkip val="10"/>
        <c:noMultiLvlLbl val="0"/>
      </c:catAx>
      <c:valAx>
        <c:axId val="-914055520"/>
        <c:scaling>
          <c:logBase val="10"/>
          <c:orientation val="minMax"/>
        </c:scaling>
        <c:delete val="0"/>
        <c:axPos val="l"/>
        <c:majorGridlines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lang="ja-JP"/>
            </a:pPr>
            <a:endParaRPr lang="zh-TW"/>
          </a:p>
        </c:txPr>
        <c:crossAx val="-981362208"/>
        <c:crosses val="autoZero"/>
        <c:crossBetween val="between"/>
      </c:valAx>
    </c:plotArea>
    <c:plotVisOnly val="1"/>
    <c:dispBlanksAs val="gap"/>
    <c:showDLblsOverMax val="0"/>
  </c:chart>
  <c:externalData r:id="rId1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ヘッダー プレースホルダー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4306780" cy="341724"/>
          </a:xfrm>
          <a:prstGeom prst="rect">
            <a:avLst/>
          </a:prstGeom>
        </p:spPr>
        <p:txBody>
          <a:bodyPr vert="horz" lIns="92229" tIns="46115" rIns="92229" bIns="46115" rtlCol="0"/>
          <a:lstStyle>
            <a:lvl1pPr algn="l">
              <a:defRPr sz="1200"/>
            </a:lvl1pPr>
          </a:lstStyle>
          <a:p>
            <a:endParaRPr kumimoji="1" lang="ja-JP" altLang="en-US"/>
          </a:p>
        </p:txBody>
      </p:sp>
      <p:sp>
        <p:nvSpPr>
          <p:cNvPr id="3" name="日付プレースホルダー 2"/>
          <p:cNvSpPr>
            <a:spLocks noGrp="1"/>
          </p:cNvSpPr>
          <p:nvPr>
            <p:ph type="dt" sz="quarter" idx="1"/>
          </p:nvPr>
        </p:nvSpPr>
        <p:spPr>
          <a:xfrm>
            <a:off x="5629358" y="0"/>
            <a:ext cx="4308380" cy="341724"/>
          </a:xfrm>
          <a:prstGeom prst="rect">
            <a:avLst/>
          </a:prstGeom>
        </p:spPr>
        <p:txBody>
          <a:bodyPr vert="horz" lIns="92229" tIns="46115" rIns="92229" bIns="46115" rtlCol="0"/>
          <a:lstStyle>
            <a:lvl1pPr algn="r">
              <a:defRPr sz="1200"/>
            </a:lvl1pPr>
          </a:lstStyle>
          <a:p>
            <a:fld id="{A7640E48-A5E0-5041-9B48-F1CC1125BC09}" type="datetimeFigureOut">
              <a:rPr kumimoji="1" lang="ja-JP" altLang="en-US" smtClean="0"/>
              <a:pPr/>
              <a:t>2018/11/1</a:t>
            </a:fld>
            <a:endParaRPr kumimoji="1" lang="ja-JP" altLang="en-US"/>
          </a:p>
        </p:txBody>
      </p:sp>
      <p:sp>
        <p:nvSpPr>
          <p:cNvPr id="4" name="フッター プレースホルダー 3"/>
          <p:cNvSpPr>
            <a:spLocks noGrp="1"/>
          </p:cNvSpPr>
          <p:nvPr>
            <p:ph type="ftr" sz="quarter" idx="2"/>
          </p:nvPr>
        </p:nvSpPr>
        <p:spPr>
          <a:xfrm>
            <a:off x="0" y="6465476"/>
            <a:ext cx="4306780" cy="341724"/>
          </a:xfrm>
          <a:prstGeom prst="rect">
            <a:avLst/>
          </a:prstGeom>
        </p:spPr>
        <p:txBody>
          <a:bodyPr vert="horz" lIns="92229" tIns="46115" rIns="92229" bIns="46115" rtlCol="0" anchor="b"/>
          <a:lstStyle>
            <a:lvl1pPr algn="l">
              <a:defRPr sz="1200"/>
            </a:lvl1pPr>
          </a:lstStyle>
          <a:p>
            <a:endParaRPr kumimoji="1" lang="ja-JP" altLang="en-US"/>
          </a:p>
        </p:txBody>
      </p:sp>
      <p:sp>
        <p:nvSpPr>
          <p:cNvPr id="5" name="スライド番号プレースホルダー 4"/>
          <p:cNvSpPr>
            <a:spLocks noGrp="1"/>
          </p:cNvSpPr>
          <p:nvPr>
            <p:ph type="sldNum" sz="quarter" idx="3"/>
          </p:nvPr>
        </p:nvSpPr>
        <p:spPr>
          <a:xfrm>
            <a:off x="5629358" y="6465476"/>
            <a:ext cx="4308380" cy="341724"/>
          </a:xfrm>
          <a:prstGeom prst="rect">
            <a:avLst/>
          </a:prstGeom>
        </p:spPr>
        <p:txBody>
          <a:bodyPr vert="horz" lIns="92229" tIns="46115" rIns="92229" bIns="46115" rtlCol="0" anchor="b"/>
          <a:lstStyle>
            <a:lvl1pPr algn="r">
              <a:defRPr sz="1200"/>
            </a:lvl1pPr>
          </a:lstStyle>
          <a:p>
            <a:fld id="{A07F573A-01BF-2B44-8976-5E6A2AEC1848}" type="slidenum">
              <a:rPr kumimoji="1" lang="ja-JP" altLang="en-US" smtClean="0"/>
              <a:pPr/>
              <a:t>‹#›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65000459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ヘッダー プレースホルダー 1"/>
          <p:cNvSpPr>
            <a:spLocks noGrp="1"/>
          </p:cNvSpPr>
          <p:nvPr>
            <p:ph type="hdr" sz="quarter"/>
          </p:nvPr>
        </p:nvSpPr>
        <p:spPr>
          <a:xfrm>
            <a:off x="2" y="3"/>
            <a:ext cx="4307045" cy="341620"/>
          </a:xfrm>
          <a:prstGeom prst="rect">
            <a:avLst/>
          </a:prstGeom>
        </p:spPr>
        <p:txBody>
          <a:bodyPr vert="horz" lIns="91427" tIns="45712" rIns="91427" bIns="45712" rtlCol="0"/>
          <a:lstStyle>
            <a:lvl1pPr algn="l">
              <a:defRPr sz="1200"/>
            </a:lvl1pPr>
          </a:lstStyle>
          <a:p>
            <a:endParaRPr kumimoji="1" lang="ja-JP" altLang="en-US"/>
          </a:p>
        </p:txBody>
      </p:sp>
      <p:sp>
        <p:nvSpPr>
          <p:cNvPr id="3" name="日付プレースホルダー 2"/>
          <p:cNvSpPr>
            <a:spLocks noGrp="1"/>
          </p:cNvSpPr>
          <p:nvPr>
            <p:ph type="dt" idx="1"/>
          </p:nvPr>
        </p:nvSpPr>
        <p:spPr>
          <a:xfrm>
            <a:off x="5630570" y="3"/>
            <a:ext cx="4307045" cy="341620"/>
          </a:xfrm>
          <a:prstGeom prst="rect">
            <a:avLst/>
          </a:prstGeom>
        </p:spPr>
        <p:txBody>
          <a:bodyPr vert="horz" lIns="91427" tIns="45712" rIns="91427" bIns="45712" rtlCol="0"/>
          <a:lstStyle>
            <a:lvl1pPr algn="r">
              <a:defRPr sz="1200"/>
            </a:lvl1pPr>
          </a:lstStyle>
          <a:p>
            <a:fld id="{5C5FCEE9-5451-724E-8226-661F248CEFD0}" type="datetimeFigureOut">
              <a:rPr kumimoji="1" lang="ja-JP" altLang="en-US" smtClean="0"/>
              <a:pPr/>
              <a:t>2018/11/1</a:t>
            </a:fld>
            <a:endParaRPr kumimoji="1" lang="ja-JP" altLang="en-US"/>
          </a:p>
        </p:txBody>
      </p:sp>
      <p:sp>
        <p:nvSpPr>
          <p:cNvPr id="4" name="スライド イメージ プレースホルダー 3"/>
          <p:cNvSpPr>
            <a:spLocks noGrp="1" noRot="1" noChangeAspect="1"/>
          </p:cNvSpPr>
          <p:nvPr>
            <p:ph type="sldImg" idx="2"/>
          </p:nvPr>
        </p:nvSpPr>
        <p:spPr>
          <a:xfrm>
            <a:off x="3440113" y="850900"/>
            <a:ext cx="3059112" cy="229711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27" tIns="45712" rIns="91427" bIns="45712" rtlCol="0" anchor="ctr"/>
          <a:lstStyle/>
          <a:p>
            <a:endParaRPr lang="ja-JP" altLang="en-US"/>
          </a:p>
        </p:txBody>
      </p:sp>
      <p:sp>
        <p:nvSpPr>
          <p:cNvPr id="5" name="ノート プレースホルダー 4"/>
          <p:cNvSpPr>
            <a:spLocks noGrp="1"/>
          </p:cNvSpPr>
          <p:nvPr>
            <p:ph type="body" sz="quarter" idx="3"/>
          </p:nvPr>
        </p:nvSpPr>
        <p:spPr>
          <a:xfrm>
            <a:off x="993935" y="3276086"/>
            <a:ext cx="7951470" cy="2681004"/>
          </a:xfrm>
          <a:prstGeom prst="rect">
            <a:avLst/>
          </a:prstGeom>
        </p:spPr>
        <p:txBody>
          <a:bodyPr vert="horz" lIns="91427" tIns="45712" rIns="91427" bIns="45712" rtlCol="0"/>
          <a:lstStyle/>
          <a:p>
            <a:pPr lvl="0"/>
            <a:r>
              <a:rPr kumimoji="1" lang="ja-JP" altLang="en-US"/>
              <a:t>マスター テキストの書式設定</a:t>
            </a:r>
          </a:p>
          <a:p>
            <a:pPr lvl="1"/>
            <a:r>
              <a:rPr kumimoji="1" lang="ja-JP" altLang="en-US"/>
              <a:t>第 </a:t>
            </a:r>
            <a:r>
              <a:rPr kumimoji="1" lang="en-US" altLang="ja-JP"/>
              <a:t>2 </a:t>
            </a:r>
            <a:r>
              <a:rPr kumimoji="1" lang="ja-JP" altLang="en-US"/>
              <a:t>レベル</a:t>
            </a:r>
          </a:p>
          <a:p>
            <a:pPr lvl="2"/>
            <a:r>
              <a:rPr kumimoji="1" lang="ja-JP" altLang="en-US"/>
              <a:t>第 </a:t>
            </a:r>
            <a:r>
              <a:rPr kumimoji="1" lang="en-US" altLang="ja-JP"/>
              <a:t>3 </a:t>
            </a:r>
            <a:r>
              <a:rPr kumimoji="1" lang="ja-JP" altLang="en-US"/>
              <a:t>レベル</a:t>
            </a:r>
          </a:p>
          <a:p>
            <a:pPr lvl="3"/>
            <a:r>
              <a:rPr kumimoji="1" lang="ja-JP" altLang="en-US"/>
              <a:t>第 </a:t>
            </a:r>
            <a:r>
              <a:rPr kumimoji="1" lang="en-US" altLang="ja-JP"/>
              <a:t>4 </a:t>
            </a:r>
            <a:r>
              <a:rPr kumimoji="1" lang="ja-JP" altLang="en-US"/>
              <a:t>レベル</a:t>
            </a:r>
          </a:p>
          <a:p>
            <a:pPr lvl="4"/>
            <a:r>
              <a:rPr kumimoji="1" lang="ja-JP" altLang="en-US"/>
              <a:t>第 </a:t>
            </a:r>
            <a:r>
              <a:rPr kumimoji="1" lang="en-US" altLang="ja-JP"/>
              <a:t>5 </a:t>
            </a:r>
            <a:r>
              <a:rPr kumimoji="1" lang="ja-JP" altLang="en-US"/>
              <a:t>レベル</a:t>
            </a:r>
          </a:p>
        </p:txBody>
      </p:sp>
      <p:sp>
        <p:nvSpPr>
          <p:cNvPr id="6" name="フッター プレースホルダー 5"/>
          <p:cNvSpPr>
            <a:spLocks noGrp="1"/>
          </p:cNvSpPr>
          <p:nvPr>
            <p:ph type="ftr" sz="quarter" idx="4"/>
          </p:nvPr>
        </p:nvSpPr>
        <p:spPr>
          <a:xfrm>
            <a:off x="2" y="6465584"/>
            <a:ext cx="4307045" cy="341619"/>
          </a:xfrm>
          <a:prstGeom prst="rect">
            <a:avLst/>
          </a:prstGeom>
        </p:spPr>
        <p:txBody>
          <a:bodyPr vert="horz" lIns="91427" tIns="45712" rIns="91427" bIns="45712" rtlCol="0" anchor="b"/>
          <a:lstStyle>
            <a:lvl1pPr algn="l">
              <a:defRPr sz="1200"/>
            </a:lvl1pPr>
          </a:lstStyle>
          <a:p>
            <a:endParaRPr kumimoji="1" lang="ja-JP" altLang="en-US"/>
          </a:p>
        </p:txBody>
      </p:sp>
      <p:sp>
        <p:nvSpPr>
          <p:cNvPr id="7" name="スライド番号プレースホルダー 6"/>
          <p:cNvSpPr>
            <a:spLocks noGrp="1"/>
          </p:cNvSpPr>
          <p:nvPr>
            <p:ph type="sldNum" sz="quarter" idx="5"/>
          </p:nvPr>
        </p:nvSpPr>
        <p:spPr>
          <a:xfrm>
            <a:off x="5630570" y="6465584"/>
            <a:ext cx="4307045" cy="341619"/>
          </a:xfrm>
          <a:prstGeom prst="rect">
            <a:avLst/>
          </a:prstGeom>
        </p:spPr>
        <p:txBody>
          <a:bodyPr vert="horz" lIns="91427" tIns="45712" rIns="91427" bIns="45712" rtlCol="0" anchor="b"/>
          <a:lstStyle>
            <a:lvl1pPr algn="r">
              <a:defRPr sz="1200"/>
            </a:lvl1pPr>
          </a:lstStyle>
          <a:p>
            <a:fld id="{B66F3448-3337-A740-B29C-9F6778ED4FC7}" type="slidenum">
              <a:rPr kumimoji="1" lang="ja-JP" altLang="en-US" smtClean="0"/>
              <a:pPr/>
              <a:t>‹#›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83302431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今回報告のタイトルは</a:t>
            </a:r>
            <a:r>
              <a:rPr lang="ja-JP" altLang="en-US" sz="1600" dirty="0" smtClean="0">
                <a:ea typeface="Meiryo UI" pitchFamily="50" charset="-128"/>
                <a:cs typeface="Meiryo UI" pitchFamily="50" charset="-128"/>
              </a:rPr>
              <a:t>ロボット経由点</a:t>
            </a:r>
            <a:r>
              <a:rPr lang="zh-TW" altLang="en-US" sz="1600" dirty="0" smtClean="0">
                <a:ea typeface="Meiryo UI" pitchFamily="50" charset="-128"/>
                <a:cs typeface="Meiryo UI" pitchFamily="50" charset="-128"/>
              </a:rPr>
              <a:t>軌道</a:t>
            </a:r>
            <a:r>
              <a:rPr lang="ja-JP" altLang="en-US" sz="1600" dirty="0" smtClean="0">
                <a:ea typeface="Meiryo UI" pitchFamily="50" charset="-128"/>
                <a:cs typeface="Meiryo UI" pitchFamily="50" charset="-128"/>
              </a:rPr>
              <a:t>探索</a:t>
            </a:r>
            <a:r>
              <a:rPr lang="en-US" altLang="ja-JP" sz="1600" dirty="0" smtClean="0">
                <a:ea typeface="Meiryo UI" pitchFamily="50" charset="-128"/>
                <a:cs typeface="Meiryo UI" pitchFamily="50" charset="-128"/>
              </a:rPr>
              <a:t>:</a:t>
            </a:r>
            <a:r>
              <a:rPr lang="ja-JP" altLang="en-US" sz="1200" b="0" dirty="0" smtClean="0">
                <a:ea typeface="Meiryo UI" pitchFamily="50" charset="-128"/>
                <a:cs typeface="Meiryo UI" pitchFamily="50" charset="-128"/>
              </a:rPr>
              <a:t>深層強化学習の実装と迷路問題での評価で</a:t>
            </a:r>
            <a:r>
              <a:rPr lang="ja-JP" altLang="en-US" sz="1200" b="0" dirty="0" smtClean="0">
                <a:ea typeface="Meiryo UI" pitchFamily="50" charset="-128"/>
                <a:cs typeface="Meiryo UI" pitchFamily="50" charset="-128"/>
              </a:rPr>
              <a:t>す。</a:t>
            </a:r>
            <a:endParaRPr lang="en-US" altLang="ja-JP" sz="1200" b="0" dirty="0" smtClean="0">
              <a:ea typeface="Meiryo UI" pitchFamily="50" charset="-128"/>
              <a:cs typeface="Meiryo UI" pitchFamily="50" charset="-128"/>
            </a:endParaRPr>
          </a:p>
          <a:p>
            <a:endParaRPr lang="ja-JP" altLang="en-US" sz="1200" b="0" dirty="0" smtClean="0">
              <a:ea typeface="Meiryo UI" pitchFamily="50" charset="-128"/>
              <a:cs typeface="Meiryo UI" pitchFamily="50" charset="-128"/>
            </a:endParaRPr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0417528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こちはいま最新な結果です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結果から見ろと、</a:t>
            </a:r>
            <a:r>
              <a:rPr kumimoji="1" lang="en-US" altLang="ja-JP" dirty="0" smtClean="0"/>
              <a:t>10x10</a:t>
            </a:r>
            <a:r>
              <a:rPr kumimoji="1" lang="ja-JP" altLang="en-US" dirty="0" smtClean="0"/>
              <a:t>と</a:t>
            </a:r>
            <a:r>
              <a:rPr kumimoji="1" lang="en-US" altLang="ja-JP" dirty="0" smtClean="0"/>
              <a:t>40x40</a:t>
            </a:r>
            <a:r>
              <a:rPr kumimoji="1" lang="ja-JP" altLang="en-US" dirty="0" smtClean="0"/>
              <a:t>の迷路について、</a:t>
            </a:r>
            <a:r>
              <a:rPr kumimoji="1" lang="en-US" altLang="ja-JP" dirty="0" smtClean="0"/>
              <a:t>DQN</a:t>
            </a:r>
            <a:r>
              <a:rPr kumimoji="1" lang="ja-JP" altLang="en-US" dirty="0" smtClean="0"/>
              <a:t>はよく解けます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でも実装の方法により、全く効果が出ないの場合もある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そして今</a:t>
            </a:r>
            <a:r>
              <a:rPr kumimoji="1" lang="en-US" altLang="ja-JP" dirty="0" smtClean="0"/>
              <a:t>40x40</a:t>
            </a:r>
            <a:r>
              <a:rPr kumimoji="1" lang="ja-JP" altLang="en-US" dirty="0" smtClean="0"/>
              <a:t>には</a:t>
            </a:r>
            <a:r>
              <a:rPr kumimoji="1" lang="en-US" altLang="ja-JP" dirty="0" smtClean="0"/>
              <a:t>98%</a:t>
            </a:r>
            <a:r>
              <a:rPr kumimoji="1" lang="ja-JP" altLang="en-US" dirty="0" smtClean="0"/>
              <a:t>まで出来るだけど、その</a:t>
            </a:r>
            <a:r>
              <a:rPr kumimoji="1" lang="en-US" altLang="ja-JP" dirty="0" smtClean="0"/>
              <a:t>training</a:t>
            </a:r>
            <a:r>
              <a:rPr kumimoji="1" lang="ja-JP" altLang="en-US" dirty="0" smtClean="0"/>
              <a:t>の時間がかなりかかります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もしもっと大きな迷路を解けたいなら、</a:t>
            </a:r>
            <a:r>
              <a:rPr kumimoji="1" lang="en-US" altLang="ja-JP" dirty="0" smtClean="0"/>
              <a:t>training</a:t>
            </a:r>
            <a:r>
              <a:rPr kumimoji="1" lang="ja-JP" altLang="en-US" dirty="0" smtClean="0"/>
              <a:t>の時間と</a:t>
            </a:r>
            <a:r>
              <a:rPr kumimoji="1" lang="en-US" altLang="ja-JP" dirty="0" smtClean="0"/>
              <a:t>input</a:t>
            </a:r>
            <a:r>
              <a:rPr kumimoji="1" lang="zh-TW" altLang="en-US" baseline="0" dirty="0" smtClean="0"/>
              <a:t> </a:t>
            </a:r>
            <a:r>
              <a:rPr kumimoji="1" lang="en-US" altLang="zh-TW" baseline="0" dirty="0" smtClean="0"/>
              <a:t>size</a:t>
            </a:r>
            <a:r>
              <a:rPr kumimoji="1" lang="ja-JP" altLang="en-US" baseline="0" dirty="0" smtClean="0"/>
              <a:t>の短縮（たんしゅく）が必要と思います。</a:t>
            </a:r>
            <a:endParaRPr kumimoji="1" lang="en-US" altLang="ja-JP" baseline="0" dirty="0" smtClean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0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83032830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実は</a:t>
            </a:r>
            <a:r>
              <a:rPr kumimoji="1" lang="en-US" altLang="ja-JP" dirty="0" smtClean="0"/>
              <a:t>DQN</a:t>
            </a:r>
            <a:r>
              <a:rPr kumimoji="1" lang="ja-JP" altLang="en-US" dirty="0" smtClean="0"/>
              <a:t>をやる前時、私は現存の木探索</a:t>
            </a:r>
            <a:r>
              <a:rPr kumimoji="1" lang="en-US" altLang="ja-JP" dirty="0" smtClean="0"/>
              <a:t>algorithms</a:t>
            </a:r>
            <a:r>
              <a:rPr kumimoji="1" lang="ja-JP" altLang="en-US" dirty="0" smtClean="0"/>
              <a:t>はどこまで行けるのは気になりますので、</a:t>
            </a:r>
            <a:endParaRPr kumimoji="1" lang="en-US" altLang="ja-JP" dirty="0" smtClean="0"/>
          </a:p>
          <a:p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深さ（ふかさ）優先探索、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幅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（はば）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優先探索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と</a:t>
            </a:r>
            <a:r>
              <a:rPr kumimoji="1" lang="en-US" altLang="ja-JP" sz="1200" b="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tar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、この三つの方法を</a:t>
            </a:r>
            <a:r>
              <a:rPr kumimoji="1" lang="ja-JP" altLang="en-US" dirty="0" smtClean="0"/>
              <a:t>少し実験をしました。</a:t>
            </a:r>
            <a:endParaRPr kumimoji="1" lang="en-US" altLang="ja-JP" dirty="0" smtClean="0"/>
          </a:p>
          <a:p>
            <a:r>
              <a:rPr kumimoji="1" lang="ja-JP" altLang="en-US" b="0" dirty="0" smtClean="0"/>
              <a:t>結論から言うと、</a:t>
            </a:r>
            <a:r>
              <a:rPr kumimoji="1" lang="en-US" altLang="ja-JP" b="0" dirty="0" smtClean="0"/>
              <a:t>40x40</a:t>
            </a:r>
            <a:r>
              <a:rPr kumimoji="1" lang="ja-JP" altLang="en-US" b="0" dirty="0" smtClean="0"/>
              <a:t>の以上の迷路は合わないと思います。</a:t>
            </a:r>
            <a:endParaRPr kumimoji="1" lang="en-US" altLang="ja-JP" b="0" dirty="0" smtClean="0"/>
          </a:p>
          <a:p>
            <a:r>
              <a:rPr kumimoji="1" lang="en-US" altLang="zh-TW" b="0" dirty="0" smtClean="0"/>
              <a:t>DFS</a:t>
            </a:r>
            <a:r>
              <a:rPr kumimoji="1" lang="ja-JP" altLang="en-US" b="0" dirty="0" smtClean="0"/>
              <a:t>は</a:t>
            </a:r>
            <a:r>
              <a:rPr kumimoji="1" lang="en-US" altLang="ja-JP" b="0" dirty="0" smtClean="0"/>
              <a:t>15X15</a:t>
            </a:r>
            <a:r>
              <a:rPr kumimoji="1" lang="ja-JP" altLang="en-US" b="0" dirty="0" smtClean="0"/>
              <a:t>まで、</a:t>
            </a:r>
            <a:r>
              <a:rPr kumimoji="1" lang="en-US" altLang="ja-JP" b="0" dirty="0" smtClean="0"/>
              <a:t>BFS</a:t>
            </a:r>
            <a:r>
              <a:rPr kumimoji="1" lang="ja-JP" altLang="en-US" b="0" dirty="0" smtClean="0"/>
              <a:t>と</a:t>
            </a:r>
            <a:r>
              <a:rPr kumimoji="1" lang="en-US" altLang="ja-JP" b="0" dirty="0" err="1" smtClean="0"/>
              <a:t>Astar</a:t>
            </a:r>
            <a:r>
              <a:rPr kumimoji="1" lang="ja-JP" altLang="en-US" b="0" dirty="0" smtClean="0"/>
              <a:t>も</a:t>
            </a:r>
            <a:r>
              <a:rPr kumimoji="1" lang="en-US" altLang="ja-JP" b="0" dirty="0" smtClean="0"/>
              <a:t>35X35</a:t>
            </a:r>
            <a:r>
              <a:rPr kumimoji="1" lang="en-US" altLang="ja-JP" b="0" baseline="0" dirty="0" smtClean="0"/>
              <a:t> 30</a:t>
            </a:r>
            <a:r>
              <a:rPr kumimoji="1" lang="ja-JP" altLang="en-US" b="0" baseline="0" dirty="0" smtClean="0"/>
              <a:t>分以上かかります。最適性の保証がありますけど、結果が出ないなら意味がないです</a:t>
            </a:r>
            <a:endParaRPr kumimoji="1" lang="en-US" altLang="ja-JP" b="0" baseline="0" dirty="0" smtClean="0"/>
          </a:p>
          <a:p>
            <a:endParaRPr kumimoji="1" lang="en-US" altLang="ja-JP" b="0" baseline="0" dirty="0" smtClean="0"/>
          </a:p>
          <a:p>
            <a:r>
              <a:rPr kumimoji="1" lang="ja-JP" altLang="en-US" b="0" baseline="0" dirty="0" smtClean="0"/>
              <a:t>でも、その弱点に対して、ほかの探索</a:t>
            </a:r>
            <a:r>
              <a:rPr kumimoji="1" lang="en-US" altLang="ja-JP" b="0" baseline="0" dirty="0" smtClean="0"/>
              <a:t>algorithms</a:t>
            </a:r>
            <a:r>
              <a:rPr kumimoji="1" lang="ja-JP" altLang="en-US" b="0" baseline="0" dirty="0" smtClean="0"/>
              <a:t>はあります、いまみなやさんと石川さんやっていますの</a:t>
            </a:r>
            <a:r>
              <a:rPr kumimoji="1" lang="en-US" altLang="ja-JP" b="0" baseline="0" dirty="0" smtClean="0"/>
              <a:t>HD*</a:t>
            </a:r>
            <a:r>
              <a:rPr kumimoji="1" lang="ja-JP" altLang="en-US" b="0" baseline="0" dirty="0" smtClean="0"/>
              <a:t>とか、</a:t>
            </a:r>
            <a:r>
              <a:rPr kumimoji="1" lang="en-US" altLang="ja-JP" b="0" baseline="0" dirty="0" smtClean="0"/>
              <a:t>RRT</a:t>
            </a:r>
            <a:r>
              <a:rPr kumimoji="1" lang="ja-JP" altLang="en-US" b="0" baseline="0" dirty="0" smtClean="0"/>
              <a:t>とか、</a:t>
            </a:r>
            <a:endParaRPr kumimoji="1" lang="en-US" altLang="ja-JP" b="0" baseline="0" dirty="0" smtClean="0"/>
          </a:p>
          <a:p>
            <a:r>
              <a:rPr kumimoji="1" lang="ja-JP" altLang="en-US" b="0" baseline="0" dirty="0" smtClean="0"/>
              <a:t>高い次元の迷路問題にもっと相応しいです。そしてそちの方法と</a:t>
            </a:r>
            <a:r>
              <a:rPr kumimoji="1" lang="en-US" altLang="ja-JP" b="0" baseline="0" dirty="0" smtClean="0"/>
              <a:t>machine learning base</a:t>
            </a:r>
            <a:r>
              <a:rPr kumimoji="1" lang="ja-JP" altLang="en-US" b="0" baseline="0" dirty="0" smtClean="0"/>
              <a:t>の方法はどうやって合わせるのも、</a:t>
            </a:r>
            <a:endParaRPr kumimoji="1" lang="en-US" altLang="ja-JP" b="0" baseline="0" dirty="0" smtClean="0"/>
          </a:p>
          <a:p>
            <a:r>
              <a:rPr kumimoji="1" lang="ja-JP" altLang="en-US" b="0" baseline="0" dirty="0" smtClean="0"/>
              <a:t>未来の課題（かだい）にとして考えています。</a:t>
            </a:r>
            <a:endParaRPr kumimoji="1" lang="en-US" altLang="ja-JP" b="0" dirty="0" smtClean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1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78826248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1" lang="ja-JP" altLang="en-US" dirty="0" smtClean="0"/>
              <a:t>先言った通り、</a:t>
            </a:r>
            <a:r>
              <a:rPr kumimoji="1" lang="en-US" altLang="ja-JP" dirty="0" smtClean="0"/>
              <a:t>training</a:t>
            </a:r>
            <a:r>
              <a:rPr kumimoji="1" lang="ja-JP" altLang="en-US" dirty="0" smtClean="0"/>
              <a:t>の時間や</a:t>
            </a:r>
            <a:r>
              <a:rPr kumimoji="1" lang="en-US" altLang="ja-JP" dirty="0" smtClean="0"/>
              <a:t>input</a:t>
            </a:r>
            <a:r>
              <a:rPr kumimoji="1" lang="zh-TW" altLang="en-US" baseline="0" dirty="0" smtClean="0"/>
              <a:t> </a:t>
            </a:r>
            <a:r>
              <a:rPr kumimoji="1" lang="en-US" altLang="zh-TW" baseline="0" dirty="0" smtClean="0"/>
              <a:t>size</a:t>
            </a:r>
            <a:r>
              <a:rPr kumimoji="1" lang="ja-JP" altLang="en-US" baseline="0" dirty="0" smtClean="0"/>
              <a:t>の短縮（たんしゅく）が必要なので、</a:t>
            </a:r>
            <a:endParaRPr kumimoji="1" lang="en-US" altLang="ja-JP" baseline="0" dirty="0" smtClean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1" lang="ja-JP" altLang="en-US" baseline="0" dirty="0" smtClean="0"/>
              <a:t>この四つの方向から考えて、いろんな論文を読んで、実験をやっています。</a:t>
            </a:r>
            <a:endParaRPr kumimoji="1" lang="en-US" altLang="ja-JP" baseline="0" dirty="0" smtClean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1" lang="en-US" altLang="ja-JP" baseline="0" dirty="0" smtClean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2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66504925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一つの課題は</a:t>
            </a:r>
            <a:r>
              <a:rPr kumimoji="1" lang="en-US" altLang="ja-JP" dirty="0" smtClean="0"/>
              <a:t>Neural</a:t>
            </a:r>
            <a:r>
              <a:rPr kumimoji="1" lang="en-US" altLang="ja-JP" baseline="0" dirty="0" smtClean="0"/>
              <a:t> network</a:t>
            </a:r>
            <a:r>
              <a:rPr kumimoji="1" lang="ja-JP" altLang="en-US" baseline="0" dirty="0" smtClean="0"/>
              <a:t>の</a:t>
            </a:r>
            <a:r>
              <a:rPr kumimoji="1" lang="ja-JP" altLang="en-US" dirty="0" smtClean="0"/>
              <a:t>入力大きさの短縮です。上の部分はいま</a:t>
            </a:r>
            <a:r>
              <a:rPr kumimoji="1" lang="en-US" altLang="ja-JP" dirty="0" smtClean="0"/>
              <a:t>DQN</a:t>
            </a:r>
            <a:r>
              <a:rPr kumimoji="1" lang="ja-JP" altLang="en-US" dirty="0" smtClean="0"/>
              <a:t>の入力資料です：</a:t>
            </a:r>
            <a:endParaRPr kumimoji="1" lang="en-US" altLang="ja-JP" dirty="0" smtClean="0"/>
          </a:p>
          <a:p>
            <a:r>
              <a:rPr kumimoji="1" lang="ja-JP" altLang="en-US" dirty="0" smtClean="0"/>
              <a:t>現在の位置、</a:t>
            </a:r>
            <a:r>
              <a:rPr kumimoji="1" lang="en-US" altLang="ja-JP" dirty="0" smtClean="0"/>
              <a:t>GOAL</a:t>
            </a:r>
            <a:r>
              <a:rPr kumimoji="1" lang="ja-JP" altLang="en-US" dirty="0" smtClean="0"/>
              <a:t>の位置、そして歩いた位置の記録です。この</a:t>
            </a:r>
            <a:r>
              <a:rPr kumimoji="1" lang="en-US" altLang="ja-JP" dirty="0" smtClean="0"/>
              <a:t>version</a:t>
            </a:r>
            <a:r>
              <a:rPr kumimoji="1" lang="ja-JP" altLang="en-US" dirty="0" smtClean="0"/>
              <a:t>一番の問題は</a:t>
            </a:r>
            <a:r>
              <a:rPr kumimoji="1" lang="en-US" altLang="ja-JP" dirty="0" smtClean="0"/>
              <a:t>global visited map</a:t>
            </a:r>
            <a:r>
              <a:rPr kumimoji="1" lang="ja-JP" altLang="en-US" dirty="0" smtClean="0"/>
              <a:t>、</a:t>
            </a:r>
            <a:endParaRPr kumimoji="1" lang="en-US" altLang="ja-JP" dirty="0" smtClean="0"/>
          </a:p>
          <a:p>
            <a:r>
              <a:rPr kumimoji="1" lang="ja-JP" altLang="en-US" dirty="0" smtClean="0"/>
              <a:t>地図の大きさに伴って、変化します、例えば</a:t>
            </a:r>
            <a:r>
              <a:rPr kumimoji="1" lang="en-US" altLang="ja-JP" dirty="0" smtClean="0"/>
              <a:t>40x40</a:t>
            </a:r>
            <a:r>
              <a:rPr kumimoji="1" lang="ja-JP" altLang="en-US" dirty="0" smtClean="0"/>
              <a:t>の地図は</a:t>
            </a:r>
            <a:r>
              <a:rPr kumimoji="1" lang="en-US" altLang="ja-JP" dirty="0" smtClean="0"/>
              <a:t>1600</a:t>
            </a:r>
            <a:r>
              <a:rPr kumimoji="1" lang="ja-JP" altLang="en-US" dirty="0" smtClean="0"/>
              <a:t>の</a:t>
            </a:r>
            <a:r>
              <a:rPr kumimoji="1" lang="en-US" altLang="ja-JP" dirty="0" smtClean="0"/>
              <a:t>input</a:t>
            </a:r>
            <a:r>
              <a:rPr kumimoji="1" lang="ja-JP" altLang="en-US" dirty="0" smtClean="0"/>
              <a:t>となります、でもこれを入れないなら、あんまり</a:t>
            </a:r>
            <a:r>
              <a:rPr kumimoji="1" lang="en-US" altLang="ja-JP" dirty="0" smtClean="0"/>
              <a:t>GOAL</a:t>
            </a:r>
            <a:r>
              <a:rPr kumimoji="1" lang="ja-JP" altLang="en-US" dirty="0" smtClean="0"/>
              <a:t>ができない。</a:t>
            </a:r>
            <a:endParaRPr kumimoji="1" lang="en-US" altLang="ja-JP" dirty="0" smtClean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1" lang="ja-JP" altLang="en-US" dirty="0" smtClean="0"/>
              <a:t>それに対して、下のは一つの改善方法です。全地図の</a:t>
            </a:r>
            <a:r>
              <a:rPr lang="en-US" altLang="ja-JP" dirty="0" smtClean="0">
                <a:solidFill>
                  <a:srgbClr val="FF0000"/>
                </a:solidFill>
              </a:rPr>
              <a:t>visited map</a:t>
            </a:r>
            <a:r>
              <a:rPr lang="ja-JP" altLang="en-US" dirty="0" smtClean="0">
                <a:solidFill>
                  <a:srgbClr val="FF0000"/>
                </a:solidFill>
              </a:rPr>
              <a:t>ではなく、いま</a:t>
            </a:r>
            <a:r>
              <a:rPr lang="en-US" altLang="ja-JP" dirty="0" smtClean="0">
                <a:solidFill>
                  <a:srgbClr val="FF0000"/>
                </a:solidFill>
              </a:rPr>
              <a:t>robot</a:t>
            </a:r>
            <a:r>
              <a:rPr lang="ja-JP" altLang="en-US" dirty="0" smtClean="0">
                <a:solidFill>
                  <a:srgbClr val="FF0000"/>
                </a:solidFill>
              </a:rPr>
              <a:t>周辺の情報だけ入力します。</a:t>
            </a:r>
            <a:endParaRPr lang="en-US" altLang="ja-JP" dirty="0" smtClean="0">
              <a:solidFill>
                <a:srgbClr val="FF0000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1" lang="ja-JP" altLang="en-US" dirty="0" smtClean="0">
                <a:solidFill>
                  <a:srgbClr val="FF0000"/>
                </a:solidFill>
              </a:rPr>
              <a:t>でもこの方法の勝率（しょうりつ）最大</a:t>
            </a:r>
            <a:r>
              <a:rPr kumimoji="1" lang="en-US" altLang="ja-JP" dirty="0" smtClean="0">
                <a:solidFill>
                  <a:srgbClr val="FF0000"/>
                </a:solidFill>
              </a:rPr>
              <a:t>30%</a:t>
            </a:r>
            <a:r>
              <a:rPr kumimoji="1" lang="ja-JP" altLang="en-US" dirty="0" smtClean="0">
                <a:solidFill>
                  <a:srgbClr val="FF0000"/>
                </a:solidFill>
              </a:rPr>
              <a:t>だけ、今何か改善できるのは検討しています。</a:t>
            </a:r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3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88963900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二つ目課題は、</a:t>
            </a:r>
            <a:r>
              <a:rPr kumimoji="1" lang="en-US" altLang="ja-JP" dirty="0" smtClean="0"/>
              <a:t>DQN</a:t>
            </a:r>
            <a:r>
              <a:rPr kumimoji="1" lang="ja-JP" altLang="en-US" dirty="0" smtClean="0"/>
              <a:t>の弱点に対して、更新方法や</a:t>
            </a:r>
            <a:r>
              <a:rPr kumimoji="1" lang="en-US" altLang="ja-JP" dirty="0" smtClean="0"/>
              <a:t>Neural network</a:t>
            </a:r>
            <a:r>
              <a:rPr kumimoji="1" lang="ja-JP" altLang="en-US" dirty="0" smtClean="0"/>
              <a:t>は構造を変わります。</a:t>
            </a:r>
            <a:endParaRPr kumimoji="1" lang="en-US" altLang="ja-JP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本来の</a:t>
            </a:r>
            <a:r>
              <a:rPr kumimoji="1" lang="en-US" altLang="ja-JP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QN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では、誤差計算時に目標値に大きすぎる値が設定されると、前の状態を過大</a:t>
            </a:r>
            <a:r>
              <a:rPr kumimoji="1" lang="en-US" altLang="ja-JP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(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かだい</a:t>
            </a:r>
            <a:r>
              <a:rPr kumimoji="1" lang="en-US" altLang="ja-JP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評価してしまうという問題がありました。</a:t>
            </a:r>
          </a:p>
          <a:p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そこで、</a:t>
            </a:r>
            <a:r>
              <a:rPr kumimoji="1" lang="en-US" altLang="ja-JP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つの関数を混（ま）ぜて学習をさせることで、誤差の計算の安定化を図ったものが</a:t>
            </a:r>
            <a:r>
              <a:rPr kumimoji="1" lang="en-US" altLang="ja-JP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ouble DQN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です。</a:t>
            </a:r>
            <a:endParaRPr kumimoji="1" lang="en-US" altLang="ja-JP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kumimoji="1" lang="en-US" altLang="ja-JP" sz="1200" b="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uelingDQN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は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途中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で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状態価値関数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と</a:t>
            </a:r>
            <a:r>
              <a:rPr kumimoji="1" lang="en-US" altLang="ja-JP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dvantage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関数の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二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つの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流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れに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別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れた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後、最後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に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足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（た）し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合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わせることで、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行動価値関数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を</a:t>
            </a:r>
            <a:r>
              <a:rPr kumimoji="1"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予測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する。</a:t>
            </a:r>
            <a:endParaRPr kumimoji="1" lang="en-US" altLang="ja-JP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kumimoji="1" lang="en-US" altLang="ja-JP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QN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に比べた利点は、</a:t>
            </a:r>
            <a:r>
              <a:rPr kumimoji="1" lang="en-US" altLang="ja-JP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(s)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が行動</a:t>
            </a:r>
            <a:r>
              <a:rPr kumimoji="1" lang="en-US" altLang="ja-JP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</a:t>
            </a:r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によらず毎回学習できる点です。これは選択できる行動が増えれば増えるほど、大きな利点（りてん）になります。</a:t>
            </a:r>
            <a:endParaRPr kumimoji="1" lang="en-US" altLang="ja-JP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kumimoji="1" lang="ja-JP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でも実験結果による、明確な改善ができないです、特に</a:t>
            </a:r>
            <a:r>
              <a:rPr kumimoji="1" lang="en-US" altLang="ja-JP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ueling</a:t>
            </a:r>
            <a:r>
              <a:rPr kumimoji="1" lang="en-US" altLang="ja-JP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QN</a:t>
            </a:r>
            <a:r>
              <a:rPr kumimoji="1" lang="ja-JP" altLang="en-US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は</a:t>
            </a:r>
            <a:r>
              <a:rPr kumimoji="1" lang="en-US" altLang="ja-JP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60</a:t>
            </a:r>
            <a:r>
              <a:rPr kumimoji="1" lang="ja-JP" altLang="en-US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％ぐらいの勝率だけ、同じく</a:t>
            </a:r>
            <a:r>
              <a:rPr kumimoji="1" lang="en-US" altLang="ja-JP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ug</a:t>
            </a:r>
            <a:r>
              <a:rPr kumimoji="1" lang="ja-JP" altLang="en-US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があるかどうか検討しています。</a:t>
            </a:r>
            <a:endParaRPr kumimoji="1" lang="en-US" altLang="ja-JP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endParaRPr kumimoji="1" lang="en-US" altLang="ja-JP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4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428623072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三つ目の課題はどんな</a:t>
            </a:r>
            <a:r>
              <a:rPr kumimoji="1" lang="en-US" altLang="ja-JP" dirty="0" smtClean="0"/>
              <a:t>DQN</a:t>
            </a:r>
            <a:r>
              <a:rPr kumimoji="1" lang="ja-JP" altLang="en-US" dirty="0" smtClean="0"/>
              <a:t> </a:t>
            </a:r>
            <a:r>
              <a:rPr kumimoji="1" lang="en-US" altLang="ja-JP" dirty="0" smtClean="0"/>
              <a:t>model</a:t>
            </a:r>
            <a:r>
              <a:rPr kumimoji="1" lang="ja-JP" altLang="en-US" dirty="0" smtClean="0"/>
              <a:t>を選んだ方がいいという問題です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私は</a:t>
            </a:r>
            <a:r>
              <a:rPr kumimoji="1" lang="en-US" altLang="ja-JP" dirty="0" smtClean="0"/>
              <a:t>Fully-connected</a:t>
            </a:r>
            <a:r>
              <a:rPr kumimoji="1" lang="ja-JP" altLang="en-US" dirty="0" smtClean="0"/>
              <a:t>と</a:t>
            </a:r>
            <a:r>
              <a:rPr kumimoji="1" lang="en-US" altLang="ja-JP" dirty="0" smtClean="0"/>
              <a:t>convolutional</a:t>
            </a:r>
            <a:r>
              <a:rPr kumimoji="1" lang="ja-JP" altLang="en-US" dirty="0" smtClean="0"/>
              <a:t>、二つ方式（ほうしき）の実験をしました、</a:t>
            </a:r>
            <a:endParaRPr kumimoji="1" lang="en-US" altLang="ja-JP" dirty="0" smtClean="0"/>
          </a:p>
          <a:p>
            <a:r>
              <a:rPr kumimoji="1" lang="ja-JP" altLang="en-US" dirty="0" smtClean="0"/>
              <a:t>結果によると、</a:t>
            </a:r>
            <a:r>
              <a:rPr kumimoji="1" lang="en-US" altLang="ja-JP" dirty="0" smtClean="0"/>
              <a:t>fully-connected</a:t>
            </a:r>
            <a:r>
              <a:rPr kumimoji="1" lang="ja-JP" altLang="en-US" dirty="0" smtClean="0"/>
              <a:t>の方がもっと早く学習ができます。（？）</a:t>
            </a:r>
            <a:endParaRPr kumimoji="1" lang="en-US" altLang="ja-JP" dirty="0" smtClean="0"/>
          </a:p>
          <a:p>
            <a:r>
              <a:rPr kumimoji="1" lang="ja-JP" altLang="en-US" dirty="0" smtClean="0"/>
              <a:t>そして、深いの</a:t>
            </a:r>
            <a:r>
              <a:rPr kumimoji="1" lang="en-US" altLang="ja-JP" dirty="0" smtClean="0"/>
              <a:t>model</a:t>
            </a:r>
            <a:r>
              <a:rPr kumimoji="1" lang="ja-JP" altLang="en-US" dirty="0" smtClean="0"/>
              <a:t>に比べると、広い</a:t>
            </a:r>
            <a:r>
              <a:rPr kumimoji="1" lang="en-US" altLang="ja-JP" dirty="0" smtClean="0"/>
              <a:t>model</a:t>
            </a:r>
            <a:r>
              <a:rPr kumimoji="1" lang="ja-JP" altLang="en-US" dirty="0" smtClean="0"/>
              <a:t>の方がいい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一方、</a:t>
            </a:r>
            <a:r>
              <a:rPr kumimoji="1" lang="en-US" altLang="ja-JP" dirty="0" smtClean="0"/>
              <a:t>CNN</a:t>
            </a:r>
            <a:r>
              <a:rPr kumimoji="1" lang="ja-JP" altLang="en-US" dirty="0" smtClean="0"/>
              <a:t>は同じ</a:t>
            </a:r>
            <a:r>
              <a:rPr kumimoji="1" lang="en-US" altLang="ja-JP" dirty="0" smtClean="0"/>
              <a:t>training</a:t>
            </a:r>
            <a:r>
              <a:rPr kumimoji="1" lang="ja-JP" altLang="en-US" dirty="0" smtClean="0"/>
              <a:t>時間に与えると、効果は低いです。もしもっと時間があれば、効果がでるかも知れないけど、</a:t>
            </a:r>
            <a:endParaRPr kumimoji="1" lang="en-US" altLang="ja-JP" dirty="0" smtClean="0"/>
          </a:p>
          <a:p>
            <a:r>
              <a:rPr kumimoji="1" lang="ja-JP" altLang="en-US" dirty="0" smtClean="0"/>
              <a:t>収束時間がわらないの場合、もっと計算</a:t>
            </a:r>
            <a:r>
              <a:rPr kumimoji="1" lang="en-US" altLang="ja-JP" dirty="0" smtClean="0"/>
              <a:t>power</a:t>
            </a:r>
            <a:r>
              <a:rPr kumimoji="1" lang="ja-JP" altLang="en-US" dirty="0" smtClean="0"/>
              <a:t>が欲しいです。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5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90952413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最後の課題は軌道の最適化です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今の</a:t>
            </a:r>
            <a:r>
              <a:rPr kumimoji="1" lang="en-US" altLang="ja-JP" dirty="0" smtClean="0"/>
              <a:t>DQN</a:t>
            </a:r>
            <a:r>
              <a:rPr kumimoji="1" lang="ja-JP" altLang="en-US" dirty="0" smtClean="0"/>
              <a:t>は、上の二つの例みたいに、</a:t>
            </a:r>
            <a:r>
              <a:rPr kumimoji="1" lang="en-US" altLang="ja-JP" dirty="0" smtClean="0"/>
              <a:t>GOAL</a:t>
            </a:r>
            <a:r>
              <a:rPr kumimoji="1" lang="ja-JP" altLang="en-US" dirty="0" smtClean="0"/>
              <a:t>に到達が出来るんけど、</a:t>
            </a:r>
            <a:endParaRPr kumimoji="1" lang="en-US" altLang="ja-JP" dirty="0" smtClean="0"/>
          </a:p>
          <a:p>
            <a:r>
              <a:rPr kumimoji="1" lang="ja-JP" altLang="en-US" dirty="0" smtClean="0"/>
              <a:t>こういうぎざぎざの解と回り道の行為は実際な</a:t>
            </a:r>
            <a:r>
              <a:rPr kumimoji="1" lang="en-US" altLang="ja-JP" dirty="0" smtClean="0"/>
              <a:t>robot</a:t>
            </a:r>
            <a:r>
              <a:rPr kumimoji="1" lang="ja-JP" altLang="en-US" dirty="0" smtClean="0"/>
              <a:t>にとって良くないです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それに対して、曲がるの時罰を与えるとか、教師</a:t>
            </a:r>
            <a:r>
              <a:rPr kumimoji="1" lang="en-US" altLang="ja-JP" dirty="0" smtClean="0"/>
              <a:t>data</a:t>
            </a:r>
            <a:r>
              <a:rPr kumimoji="1" lang="ja-JP" altLang="en-US" dirty="0" smtClean="0"/>
              <a:t>から</a:t>
            </a:r>
            <a:r>
              <a:rPr kumimoji="1" lang="en-US" altLang="ja-JP" dirty="0" smtClean="0"/>
              <a:t>training</a:t>
            </a:r>
            <a:r>
              <a:rPr kumimoji="1" lang="ja-JP" altLang="en-US" dirty="0" smtClean="0"/>
              <a:t>とか、色んな方法が試しています。</a:t>
            </a:r>
            <a:endParaRPr kumimoji="1" lang="en-US" altLang="ja-JP" dirty="0" smtClean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6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57508103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7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53647303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今回の報告の結論をまとめて、</a:t>
            </a:r>
            <a:r>
              <a:rPr kumimoji="1" lang="en-US" altLang="ja-JP" dirty="0" smtClean="0"/>
              <a:t>10X10</a:t>
            </a:r>
            <a:r>
              <a:rPr kumimoji="1" lang="ja-JP" altLang="en-US" dirty="0" smtClean="0"/>
              <a:t>と</a:t>
            </a:r>
            <a:r>
              <a:rPr kumimoji="1" lang="en-US" altLang="ja-JP" dirty="0" smtClean="0"/>
              <a:t>40X40</a:t>
            </a:r>
            <a:r>
              <a:rPr kumimoji="1" lang="ja-JP" altLang="en-US" dirty="0" smtClean="0"/>
              <a:t>の迷路問題は、</a:t>
            </a:r>
            <a:r>
              <a:rPr kumimoji="1" lang="en-US" altLang="ja-JP" dirty="0" smtClean="0"/>
              <a:t>DQN</a:t>
            </a:r>
            <a:r>
              <a:rPr kumimoji="1" lang="ja-JP" altLang="en-US" dirty="0" smtClean="0"/>
              <a:t>を用いて、解けることができます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でもまた沢山の課題があるので、色んなの改善方法に試しました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ここからの研究は、まずもっと大きな迷路にも使う（</a:t>
            </a:r>
            <a:r>
              <a:rPr kumimoji="1" lang="en-US" altLang="ja-JP" dirty="0" smtClean="0"/>
              <a:t>3D</a:t>
            </a:r>
            <a:r>
              <a:rPr kumimoji="1" lang="ja-JP" altLang="en-US" dirty="0" smtClean="0"/>
              <a:t>迷路とか）、そして今みたいに点だけではなく、</a:t>
            </a:r>
            <a:r>
              <a:rPr kumimoji="1" lang="en-US" altLang="ja-JP" dirty="0" smtClean="0"/>
              <a:t>robot</a:t>
            </a:r>
            <a:r>
              <a:rPr kumimoji="1" lang="ja-JP" altLang="en-US" dirty="0" smtClean="0"/>
              <a:t>の形状も姿勢も考慮して計算する。そして</a:t>
            </a:r>
            <a:r>
              <a:rPr kumimoji="1" lang="en-US" altLang="ja-JP" dirty="0" smtClean="0"/>
              <a:t>performance</a:t>
            </a:r>
            <a:r>
              <a:rPr kumimoji="1" lang="ja-JP" altLang="en-US" dirty="0" smtClean="0"/>
              <a:t>と計算</a:t>
            </a:r>
            <a:r>
              <a:rPr kumimoji="1" lang="en-US" altLang="ja-JP" dirty="0" smtClean="0"/>
              <a:t>speed</a:t>
            </a:r>
            <a:r>
              <a:rPr kumimoji="1" lang="ja-JP" altLang="en-US" dirty="0" smtClean="0"/>
              <a:t>をもっと高めるために</a:t>
            </a:r>
            <a:r>
              <a:rPr kumimoji="1" lang="ja-JP" altLang="en-US" smtClean="0"/>
              <a:t>、最新の論文</a:t>
            </a:r>
            <a:r>
              <a:rPr kumimoji="1" lang="ja-JP" altLang="en-US" dirty="0" smtClean="0"/>
              <a:t>も</a:t>
            </a:r>
            <a:r>
              <a:rPr kumimoji="1" lang="ja-JP" altLang="en-US" smtClean="0"/>
              <a:t>参考する、これから色んな方法を実</a:t>
            </a:r>
            <a:r>
              <a:rPr kumimoji="1" lang="ja-JP" altLang="en-US" dirty="0" smtClean="0"/>
              <a:t>装したいと思います。</a:t>
            </a:r>
            <a:endParaRPr kumimoji="1" lang="en-US" altLang="ja-JP" dirty="0" smtClean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8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82259690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19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01050896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今回報告の</a:t>
            </a:r>
            <a:r>
              <a:rPr kumimoji="1" lang="en-US" altLang="ja-JP" dirty="0" smtClean="0"/>
              <a:t>outline</a:t>
            </a:r>
            <a:r>
              <a:rPr kumimoji="1" lang="ja-JP" altLang="en-US" dirty="0" smtClean="0"/>
              <a:t>は</a:t>
            </a:r>
            <a:r>
              <a:rPr kumimoji="1" lang="ja-JP" altLang="en-US" dirty="0" smtClean="0"/>
              <a:t>御覧の通り、次から次へと紹介します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2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315853440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20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274349782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14331"/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21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76848278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最初は</a:t>
            </a:r>
            <a:r>
              <a:rPr kumimoji="1" lang="en-US" altLang="ja-JP" dirty="0" smtClean="0"/>
              <a:t>timeline</a:t>
            </a:r>
            <a:r>
              <a:rPr kumimoji="1" lang="ja-JP" altLang="en-US" dirty="0" smtClean="0"/>
              <a:t>について、私は配属された以来、この</a:t>
            </a:r>
            <a:r>
              <a:rPr kumimoji="1" lang="zh-TW" altLang="en-US" dirty="0" smtClean="0"/>
              <a:t>兩月</a:t>
            </a:r>
            <a:r>
              <a:rPr kumimoji="1" lang="ja-JP" altLang="en-US" dirty="0" smtClean="0"/>
              <a:t>間のや</a:t>
            </a:r>
            <a:r>
              <a:rPr kumimoji="1" lang="ja-JP" altLang="en-US" dirty="0" smtClean="0"/>
              <a:t>っ</a:t>
            </a:r>
            <a:r>
              <a:rPr kumimoji="1" lang="ja-JP" altLang="en-US" dirty="0" smtClean="0"/>
              <a:t>た事</a:t>
            </a:r>
            <a:r>
              <a:rPr kumimoji="1" lang="ja-JP" altLang="en-US" dirty="0" smtClean="0"/>
              <a:t>を簡単</a:t>
            </a:r>
            <a:r>
              <a:rPr kumimoji="1" lang="ja-JP" altLang="en-US" dirty="0" smtClean="0"/>
              <a:t>に報告し</a:t>
            </a:r>
            <a:r>
              <a:rPr kumimoji="1" lang="ja-JP" altLang="en-US" dirty="0" smtClean="0"/>
              <a:t>ます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3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301543695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私は九月から</a:t>
            </a:r>
            <a:r>
              <a:rPr lang="zh-TW" altLang="en-US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先端研</a:t>
            </a:r>
            <a:r>
              <a:rPr lang="ja-JP" altLang="en-US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に配属されました、最初</a:t>
            </a:r>
            <a:r>
              <a:rPr lang="ja-JP" altLang="en-US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は上司と先輩たちから、仕事の環境、ルール、そして今担当している</a:t>
            </a:r>
            <a:r>
              <a:rPr lang="en-US" altLang="ja-JP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project</a:t>
            </a:r>
            <a:r>
              <a:rPr lang="ja-JP" altLang="en-US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の内容を教えられました。</a:t>
            </a:r>
            <a:r>
              <a:rPr lang="en-US" altLang="ja-JP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Project</a:t>
            </a:r>
            <a:r>
              <a:rPr lang="ja-JP" altLang="en-US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の内容について後で説明があります。最初は</a:t>
            </a:r>
            <a:r>
              <a:rPr lang="en-US" altLang="ja-JP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program</a:t>
            </a:r>
            <a:r>
              <a:rPr lang="ja-JP" altLang="en-US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を始まる前に、色んな準備仕事が必要なので、</a:t>
            </a:r>
            <a:r>
              <a:rPr lang="en-US" altLang="ja-JP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OS</a:t>
            </a:r>
            <a:r>
              <a:rPr lang="ja-JP" altLang="en-US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の</a:t>
            </a:r>
            <a:r>
              <a:rPr lang="en-US" altLang="ja-JP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install</a:t>
            </a:r>
            <a:r>
              <a:rPr lang="ja-JP" altLang="en-US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と、</a:t>
            </a:r>
            <a:r>
              <a:rPr lang="en-US" altLang="ja-JP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deep learning</a:t>
            </a:r>
            <a:r>
              <a:rPr lang="ja-JP" altLang="en-US" sz="1200" b="0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計算環境を作りました。それを完成した後、すぐに研究の開発が始まります。</a:t>
            </a:r>
            <a:endParaRPr kumimoji="1" lang="en-US" altLang="ja-JP" b="0" dirty="0" smtClean="0"/>
          </a:p>
          <a:p>
            <a:r>
              <a:rPr kumimoji="1" lang="ja-JP" altLang="en-US" b="0" dirty="0" smtClean="0"/>
              <a:t>そして九月の始めから十月末まで、私は</a:t>
            </a:r>
            <a:r>
              <a:rPr kumimoji="1" lang="en-US" altLang="ja-JP" b="0" dirty="0" smtClean="0"/>
              <a:t>robot</a:t>
            </a:r>
            <a:r>
              <a:rPr kumimoji="1" lang="ja-JP" altLang="en-US" b="0" dirty="0" smtClean="0"/>
              <a:t>迷路問題について、</a:t>
            </a:r>
            <a:r>
              <a:rPr kumimoji="1" lang="en-US" altLang="ja-JP" b="0" dirty="0" smtClean="0"/>
              <a:t>Deep</a:t>
            </a:r>
            <a:r>
              <a:rPr kumimoji="1" lang="en-US" altLang="ja-JP" b="0" baseline="0" dirty="0" smtClean="0"/>
              <a:t> reinforcement learning</a:t>
            </a:r>
            <a:r>
              <a:rPr kumimoji="1" lang="ja-JP" altLang="en-US" b="0" baseline="0" dirty="0" smtClean="0"/>
              <a:t>の実装、結果の検討、そして沢山の改善方法をやっています。今回の報告はそれを中心にして説明します。</a:t>
            </a:r>
            <a:endParaRPr kumimoji="1" lang="ja-JP" altLang="en-US" b="0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4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418715322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最初は背景について、皆様はもう</a:t>
            </a:r>
            <a:r>
              <a:rPr kumimoji="1" lang="zh-TW" altLang="en-US" dirty="0" smtClean="0"/>
              <a:t>劉</a:t>
            </a:r>
            <a:r>
              <a:rPr kumimoji="1" lang="ja-JP" altLang="en-US" dirty="0" smtClean="0"/>
              <a:t>さんやみなやさんから聞いたかもしれないけど、</a:t>
            </a:r>
            <a:endParaRPr kumimoji="1" lang="en-US" altLang="ja-JP" dirty="0" smtClean="0"/>
          </a:p>
          <a:p>
            <a:r>
              <a:rPr kumimoji="1" lang="ja-JP" altLang="en-US" dirty="0" smtClean="0"/>
              <a:t>私はもう一回、今している研究の目的を簡単に説明します。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5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989204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いまやっている研究の最終目的は、</a:t>
            </a:r>
            <a:r>
              <a:rPr kumimoji="1" lang="en-US" altLang="ja-JP" dirty="0" err="1" smtClean="0"/>
              <a:t>denso</a:t>
            </a:r>
            <a:r>
              <a:rPr kumimoji="1" lang="en-US" altLang="ja-JP" baseline="0" dirty="0" smtClean="0"/>
              <a:t> wave</a:t>
            </a:r>
            <a:r>
              <a:rPr kumimoji="1" lang="ja-JP" altLang="en-US" baseline="0" dirty="0" smtClean="0"/>
              <a:t>さんから提供されたのこのテーマです。複雑環境での</a:t>
            </a:r>
            <a:r>
              <a:rPr kumimoji="1" lang="en-US" altLang="ja-JP" baseline="0" dirty="0" smtClean="0"/>
              <a:t>robot</a:t>
            </a:r>
            <a:r>
              <a:rPr kumimoji="1" lang="ja-JP" altLang="en-US" baseline="0" dirty="0" smtClean="0"/>
              <a:t>行動計画。</a:t>
            </a:r>
            <a:endParaRPr kumimoji="1" lang="en-US" altLang="ja-JP" baseline="0" dirty="0" smtClean="0"/>
          </a:p>
          <a:p>
            <a:r>
              <a:rPr kumimoji="1" lang="ja-JP" altLang="en-US" baseline="0" dirty="0" smtClean="0"/>
              <a:t>複雑環境ていうのは複数な障害物と</a:t>
            </a:r>
            <a:r>
              <a:rPr lang="ja-JP" altLang="en-US" sz="1200" dirty="0" smtClean="0"/>
              <a:t>取り扱う</a:t>
            </a:r>
            <a:r>
              <a:rPr lang="ja-JP" altLang="en-US" sz="1200" b="0" dirty="0" smtClean="0">
                <a:solidFill>
                  <a:srgbClr val="FF0000"/>
                </a:solidFill>
              </a:rPr>
              <a:t>部品や作業位置</a:t>
            </a:r>
            <a:endParaRPr lang="en-US" altLang="ja-JP" sz="1200" b="0" dirty="0" smtClean="0">
              <a:solidFill>
                <a:srgbClr val="FF0000"/>
              </a:solidFill>
            </a:endParaRPr>
          </a:p>
          <a:p>
            <a:endParaRPr kumimoji="1" lang="en-US" altLang="ja-JP" baseline="0" dirty="0" smtClean="0"/>
          </a:p>
          <a:p>
            <a:r>
              <a:rPr kumimoji="1" lang="ja-JP" altLang="en-US" baseline="0" dirty="0" smtClean="0"/>
              <a:t>どうやってこんな環境の中、最適な手順や軌道を決めるのはこの</a:t>
            </a:r>
            <a:r>
              <a:rPr kumimoji="1" lang="en-US" altLang="ja-JP" baseline="0" dirty="0" smtClean="0"/>
              <a:t>project</a:t>
            </a:r>
            <a:r>
              <a:rPr kumimoji="1" lang="ja-JP" altLang="en-US" baseline="0" dirty="0" smtClean="0"/>
              <a:t>の</a:t>
            </a:r>
            <a:r>
              <a:rPr kumimoji="1" lang="en-US" altLang="ja-JP" baseline="0" dirty="0" err="1" smtClean="0"/>
              <a:t>keypoint</a:t>
            </a:r>
            <a:r>
              <a:rPr kumimoji="1" lang="ja-JP" altLang="en-US" baseline="0" dirty="0" smtClean="0"/>
              <a:t>であります。</a:t>
            </a:r>
            <a:endParaRPr kumimoji="1" lang="en-US" altLang="ja-JP" sz="1200" b="1" dirty="0" smtClean="0">
              <a:solidFill>
                <a:srgbClr val="FF0000"/>
              </a:solidFill>
            </a:endParaRPr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6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379624507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14331"/>
            <a:r>
              <a:rPr kumimoji="1" lang="ja-JP" altLang="en-US" dirty="0" smtClean="0"/>
              <a:t>その目的を達成するため、私たちは研究の方向に三つの段階を分けています、</a:t>
            </a:r>
            <a:endParaRPr kumimoji="1" lang="en-US" altLang="ja-JP" dirty="0" smtClean="0"/>
          </a:p>
          <a:p>
            <a:pPr defTabSz="914331"/>
            <a:r>
              <a:rPr kumimoji="1" lang="ja-JP" altLang="en-US" dirty="0" smtClean="0"/>
              <a:t>最初の手順探索、次は</a:t>
            </a:r>
            <a:r>
              <a:rPr kumimoji="1" lang="en-US" altLang="ja-JP" dirty="0" smtClean="0"/>
              <a:t>A</a:t>
            </a:r>
            <a:r>
              <a:rPr kumimoji="1" lang="ja-JP" altLang="en-US" dirty="0" smtClean="0"/>
              <a:t>から</a:t>
            </a:r>
            <a:r>
              <a:rPr kumimoji="1" lang="en-US" altLang="ja-JP" dirty="0" smtClean="0"/>
              <a:t>B</a:t>
            </a:r>
            <a:r>
              <a:rPr kumimoji="1" lang="ja-JP" altLang="en-US" dirty="0" smtClean="0"/>
              <a:t>までの経由点探索、最後は</a:t>
            </a:r>
            <a:r>
              <a:rPr kumimoji="1" lang="en-US" altLang="ja-JP" dirty="0" smtClean="0"/>
              <a:t>2</a:t>
            </a:r>
            <a:r>
              <a:rPr kumimoji="1" lang="ja-JP" altLang="en-US" dirty="0" smtClean="0"/>
              <a:t>点間移動のため、</a:t>
            </a:r>
            <a:r>
              <a:rPr kumimoji="1" lang="en-US" altLang="ja-JP" dirty="0" smtClean="0"/>
              <a:t>robot</a:t>
            </a:r>
            <a:r>
              <a:rPr kumimoji="1" lang="ja-JP" altLang="en-US" dirty="0" smtClean="0"/>
              <a:t>の制御であります。</a:t>
            </a:r>
            <a:endParaRPr kumimoji="1" lang="en-US" altLang="ja-JP" dirty="0" smtClean="0"/>
          </a:p>
          <a:p>
            <a:pPr defTabSz="914331"/>
            <a:endParaRPr kumimoji="1" lang="en-US" altLang="ja-JP" dirty="0" smtClean="0"/>
          </a:p>
          <a:p>
            <a:pPr defTabSz="914331"/>
            <a:r>
              <a:rPr kumimoji="1" lang="ja-JP" altLang="en-US" dirty="0" smtClean="0"/>
              <a:t>私いま研究しているのは、段階２の経由点探索です、その研究は先ず迷路問題から考えて、色んな方法を試しています。</a:t>
            </a:r>
            <a:endParaRPr kumimoji="1" lang="en-US" altLang="ja-JP" dirty="0" smtClean="0"/>
          </a:p>
          <a:p>
            <a:pPr defTabSz="914331"/>
            <a:endParaRPr kumimoji="1" lang="en-US" altLang="ja-JP" dirty="0" smtClean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7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369444316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ja-JP" altLang="en-US" dirty="0" smtClean="0"/>
              <a:t>ここからは研究の中心を入ります。</a:t>
            </a:r>
            <a:endParaRPr kumimoji="1" lang="en-US" altLang="ja-JP" dirty="0" smtClean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1" lang="ja-JP" altLang="en-US" dirty="0" smtClean="0"/>
              <a:t>経由点探索の研究は今みなやさんと石川さんも探索</a:t>
            </a:r>
            <a:r>
              <a:rPr kumimoji="1" lang="en-US" altLang="ja-JP" dirty="0" smtClean="0"/>
              <a:t>base</a:t>
            </a:r>
            <a:r>
              <a:rPr kumimoji="1" lang="ja-JP" altLang="en-US" dirty="0" smtClean="0"/>
              <a:t>の方法をいまやっています、</a:t>
            </a:r>
            <a:endParaRPr kumimoji="1" lang="en-US" altLang="ja-JP" dirty="0" smtClean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1" lang="ja-JP" altLang="en-US" dirty="0" smtClean="0"/>
              <a:t>一方、私と</a:t>
            </a:r>
            <a:r>
              <a:rPr kumimoji="1" lang="zh-TW" altLang="en-US" dirty="0" smtClean="0"/>
              <a:t>劉</a:t>
            </a:r>
            <a:r>
              <a:rPr kumimoji="1" lang="ja-JP" altLang="en-US" dirty="0" smtClean="0"/>
              <a:t>さんは</a:t>
            </a:r>
            <a:r>
              <a:rPr kumimoji="1" lang="en-US" altLang="ja-JP" dirty="0" smtClean="0"/>
              <a:t>machine learning base</a:t>
            </a:r>
            <a:r>
              <a:rPr kumimoji="1" lang="ja-JP" altLang="en-US" dirty="0" smtClean="0"/>
              <a:t>、具体的には、</a:t>
            </a:r>
            <a:r>
              <a:rPr kumimoji="1" lang="en-US" altLang="ja-JP" dirty="0" smtClean="0"/>
              <a:t>deep</a:t>
            </a:r>
            <a:r>
              <a:rPr kumimoji="1" lang="en-US" altLang="ja-JP" baseline="0" dirty="0" smtClean="0"/>
              <a:t> reinforcement learning</a:t>
            </a:r>
            <a:r>
              <a:rPr kumimoji="1" lang="ja-JP" altLang="en-US" baseline="0" dirty="0" smtClean="0"/>
              <a:t>の方法</a:t>
            </a:r>
            <a:r>
              <a:rPr kumimoji="1" lang="ja-JP" altLang="en-US" dirty="0" smtClean="0"/>
              <a:t>を研究しています。</a:t>
            </a:r>
          </a:p>
          <a:p>
            <a:r>
              <a:rPr kumimoji="1" lang="ja-JP" altLang="en-US" dirty="0" smtClean="0"/>
              <a:t>探索</a:t>
            </a:r>
            <a:r>
              <a:rPr kumimoji="1" lang="en-US" altLang="ja-JP" dirty="0" smtClean="0"/>
              <a:t>base</a:t>
            </a:r>
            <a:r>
              <a:rPr kumimoji="1" lang="ja-JP" altLang="en-US" dirty="0" smtClean="0"/>
              <a:t>の方法と</a:t>
            </a:r>
            <a:r>
              <a:rPr kumimoji="1" lang="en-US" altLang="ja-JP" dirty="0" smtClean="0"/>
              <a:t>machine</a:t>
            </a:r>
            <a:r>
              <a:rPr kumimoji="1" lang="en-US" altLang="ja-JP" baseline="0" dirty="0" smtClean="0"/>
              <a:t> learning </a:t>
            </a:r>
            <a:r>
              <a:rPr kumimoji="1" lang="en-US" altLang="ja-JP" dirty="0" smtClean="0"/>
              <a:t>base</a:t>
            </a:r>
            <a:r>
              <a:rPr kumimoji="1" lang="ja-JP" altLang="en-US" dirty="0" smtClean="0"/>
              <a:t>の方法について、後で比較説明があります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先ずは</a:t>
            </a:r>
            <a:r>
              <a:rPr kumimoji="1" lang="en-US" altLang="ja-JP" dirty="0" smtClean="0"/>
              <a:t>DQN</a:t>
            </a:r>
            <a:r>
              <a:rPr kumimoji="1" lang="ja-JP" altLang="en-US" dirty="0" smtClean="0"/>
              <a:t>につて、簡単な概念を説明します。</a:t>
            </a:r>
            <a:endParaRPr kumimoji="1" lang="en-US" altLang="ja-JP" dirty="0" smtClean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8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388279888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スライド イメージ プレースホルダー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ノート プレースホルダー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ja-JP" dirty="0" smtClean="0"/>
              <a:t>DQN</a:t>
            </a:r>
            <a:r>
              <a:rPr kumimoji="1" lang="ja-JP" altLang="en-US" dirty="0" smtClean="0"/>
              <a:t>を用いて、迷路問題を解けるのは、</a:t>
            </a:r>
            <a:r>
              <a:rPr kumimoji="1" lang="en-US" altLang="ja-JP" dirty="0" smtClean="0"/>
              <a:t>program</a:t>
            </a:r>
            <a:r>
              <a:rPr kumimoji="1" lang="ja-JP" altLang="en-US" dirty="0" smtClean="0"/>
              <a:t>の構造は大体こんな感じです。</a:t>
            </a:r>
            <a:endParaRPr kumimoji="1" lang="en-US" altLang="ja-JP" dirty="0" smtClean="0"/>
          </a:p>
          <a:p>
            <a:r>
              <a:rPr kumimoji="1" lang="ja-JP" altLang="en-US" dirty="0" smtClean="0"/>
              <a:t>最初は迷路の画像や状態を入力する、</a:t>
            </a:r>
            <a:r>
              <a:rPr kumimoji="1" lang="en-US" altLang="ja-JP" dirty="0" smtClean="0"/>
              <a:t>Neural</a:t>
            </a:r>
            <a:r>
              <a:rPr kumimoji="1" lang="en-US" altLang="ja-JP" baseline="0" dirty="0" smtClean="0"/>
              <a:t> Network</a:t>
            </a:r>
            <a:r>
              <a:rPr kumimoji="1" lang="ja-JP" altLang="en-US" baseline="0" dirty="0" smtClean="0"/>
              <a:t>は、現在の状況に対して、次の動きの予測点数を</a:t>
            </a:r>
            <a:r>
              <a:rPr kumimoji="1" lang="en-US" altLang="ja-JP" baseline="0" dirty="0" smtClean="0"/>
              <a:t>output</a:t>
            </a:r>
            <a:r>
              <a:rPr kumimoji="1" lang="ja-JP" altLang="en-US" baseline="0" dirty="0" smtClean="0"/>
              <a:t>する、</a:t>
            </a:r>
            <a:endParaRPr kumimoji="1" lang="en-US" altLang="ja-JP" baseline="0" dirty="0" smtClean="0"/>
          </a:p>
          <a:p>
            <a:r>
              <a:rPr kumimoji="1" lang="ja-JP" altLang="en-US" baseline="0" dirty="0" smtClean="0"/>
              <a:t>その中に点数一番高いの動きを出す、次の</a:t>
            </a:r>
            <a:r>
              <a:rPr kumimoji="1" lang="en-US" altLang="ja-JP" baseline="0" dirty="0" smtClean="0"/>
              <a:t>step</a:t>
            </a:r>
            <a:r>
              <a:rPr kumimoji="1" lang="ja-JP" altLang="en-US" baseline="0" dirty="0" smtClean="0"/>
              <a:t>を進めるんです。</a:t>
            </a:r>
            <a:endParaRPr kumimoji="1" lang="en-US" altLang="ja-JP" baseline="0" dirty="0" smtClean="0"/>
          </a:p>
          <a:p>
            <a:r>
              <a:rPr kumimoji="1" lang="ja-JP" altLang="en-US" dirty="0" smtClean="0"/>
              <a:t>迷路は進んて同時に、今の状態、動き、その動きによる報酬など、記録にとして</a:t>
            </a:r>
            <a:r>
              <a:rPr kumimoji="1" lang="en-US" altLang="ja-JP" dirty="0" smtClean="0"/>
              <a:t>experience</a:t>
            </a:r>
            <a:r>
              <a:rPr kumimoji="1" lang="en-US" altLang="ja-JP" baseline="0" dirty="0" smtClean="0"/>
              <a:t> DB</a:t>
            </a:r>
            <a:r>
              <a:rPr kumimoji="1" lang="ja-JP" altLang="en-US" baseline="0" dirty="0" smtClean="0"/>
              <a:t>の中で保存する。</a:t>
            </a:r>
            <a:endParaRPr kumimoji="1" lang="en-US" altLang="ja-JP" baseline="0" dirty="0" smtClean="0"/>
          </a:p>
          <a:p>
            <a:r>
              <a:rPr kumimoji="1" lang="ja-JP" altLang="en-US" baseline="0" dirty="0" smtClean="0"/>
              <a:t>そして、</a:t>
            </a:r>
            <a:r>
              <a:rPr kumimoji="1" lang="en-US" altLang="ja-JP" baseline="0" dirty="0" smtClean="0"/>
              <a:t>Model</a:t>
            </a:r>
            <a:r>
              <a:rPr kumimoji="1" lang="ja-JP" altLang="en-US" baseline="0" dirty="0" smtClean="0"/>
              <a:t>は</a:t>
            </a:r>
            <a:r>
              <a:rPr kumimoji="1" lang="en-US" altLang="ja-JP" baseline="0" dirty="0" smtClean="0"/>
              <a:t>DB</a:t>
            </a:r>
            <a:r>
              <a:rPr kumimoji="1" lang="ja-JP" altLang="en-US" baseline="0" dirty="0" smtClean="0"/>
              <a:t>から</a:t>
            </a:r>
            <a:r>
              <a:rPr kumimoji="1" lang="en-US" altLang="ja-JP" baseline="0" dirty="0" smtClean="0"/>
              <a:t>random</a:t>
            </a:r>
            <a:r>
              <a:rPr kumimoji="1" lang="ja-JP" altLang="en-US" baseline="0" dirty="0" smtClean="0"/>
              <a:t>に記録を抽出、強化学習の算式で誤差を計算して</a:t>
            </a:r>
            <a:r>
              <a:rPr kumimoji="1" lang="en-US" altLang="ja-JP" baseline="0" dirty="0" smtClean="0"/>
              <a:t>weights</a:t>
            </a:r>
            <a:r>
              <a:rPr kumimoji="1" lang="ja-JP" altLang="en-US" baseline="0" dirty="0" smtClean="0"/>
              <a:t>を更新します。</a:t>
            </a:r>
            <a:endParaRPr kumimoji="1" lang="en-US" altLang="ja-JP" baseline="0" dirty="0" smtClean="0"/>
          </a:p>
          <a:p>
            <a:r>
              <a:rPr kumimoji="1" lang="ja-JP" altLang="en-US" dirty="0" smtClean="0"/>
              <a:t>以上の</a:t>
            </a:r>
            <a:r>
              <a:rPr kumimoji="1" lang="en-US" altLang="ja-JP" dirty="0" smtClean="0"/>
              <a:t>step</a:t>
            </a:r>
            <a:r>
              <a:rPr kumimoji="1" lang="ja-JP" altLang="en-US" dirty="0" smtClean="0"/>
              <a:t>を繰り返しすると、全然探索しないでも、</a:t>
            </a:r>
            <a:r>
              <a:rPr kumimoji="1" lang="en-US" altLang="ja-JP" dirty="0" smtClean="0"/>
              <a:t>random</a:t>
            </a:r>
            <a:r>
              <a:rPr kumimoji="1" lang="ja-JP" altLang="en-US" dirty="0" smtClean="0"/>
              <a:t>な位置から</a:t>
            </a:r>
            <a:r>
              <a:rPr kumimoji="1" lang="en-US" altLang="ja-JP" dirty="0" smtClean="0"/>
              <a:t>goal</a:t>
            </a:r>
            <a:r>
              <a:rPr kumimoji="1" lang="ja-JP" altLang="en-US" dirty="0" smtClean="0"/>
              <a:t>に到達する事ができます。</a:t>
            </a:r>
            <a:endParaRPr kumimoji="1" lang="en-US" altLang="ja-JP" dirty="0" smtClean="0"/>
          </a:p>
          <a:p>
            <a:endParaRPr kumimoji="1" lang="en-US" altLang="ja-JP" dirty="0" smtClean="0"/>
          </a:p>
          <a:p>
            <a:r>
              <a:rPr kumimoji="1" lang="en-US" altLang="ja-JP" dirty="0" smtClean="0"/>
              <a:t>Program</a:t>
            </a:r>
            <a:r>
              <a:rPr kumimoji="1" lang="ja-JP" altLang="en-US" dirty="0" smtClean="0"/>
              <a:t>を実装する時、細かいの問題がまた沢山ありますけど、まず今最新な結果を示したいと思えます。</a:t>
            </a:r>
            <a:endParaRPr kumimoji="1" lang="en-US" altLang="ja-JP" dirty="0" smtClean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6F3448-3337-A740-B29C-9F6778ED4FC7}" type="slidenum">
              <a:rPr kumimoji="1" lang="ja-JP" altLang="en-US" smtClean="0"/>
              <a:pPr/>
              <a:t>9</a:t>
            </a:fld>
            <a:endParaRPr kumimoji="1" lang="ja-JP" altLang="en-US"/>
          </a:p>
        </p:txBody>
      </p:sp>
    </p:spTree>
    <p:extLst>
      <p:ext uri="{BB962C8B-B14F-4D97-AF65-F5344CB8AC3E}">
        <p14:creationId xmlns:p14="http://schemas.microsoft.com/office/powerpoint/2010/main" val="10514306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02_表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図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0" y="-23825"/>
            <a:ext cx="9216000" cy="6912000"/>
          </a:xfrm>
          <a:prstGeom prst="rect">
            <a:avLst/>
          </a:prstGeom>
        </p:spPr>
      </p:pic>
      <p:sp>
        <p:nvSpPr>
          <p:cNvPr id="2" name="Holder 2"/>
          <p:cNvSpPr>
            <a:spLocks noGrp="1"/>
          </p:cNvSpPr>
          <p:nvPr>
            <p:ph type="ctrTitle"/>
          </p:nvPr>
        </p:nvSpPr>
        <p:spPr>
          <a:xfrm>
            <a:off x="-36000" y="2484399"/>
            <a:ext cx="4608001" cy="1271182"/>
          </a:xfrm>
          <a:prstGeom prst="rect">
            <a:avLst/>
          </a:prstGeom>
        </p:spPr>
        <p:txBody>
          <a:bodyPr wrap="square" lIns="468000" tIns="0" rIns="0" bIns="0" anchor="t">
            <a:noAutofit/>
          </a:bodyPr>
          <a:lstStyle>
            <a:lvl1pPr>
              <a:lnSpc>
                <a:spcPct val="110000"/>
              </a:lnSpc>
              <a:defRPr sz="3400" baseline="0">
                <a:latin typeface="Meiryo UI" panose="020B0604030504040204" pitchFamily="50" charset="-128"/>
              </a:defRPr>
            </a:lvl1pPr>
          </a:lstStyle>
          <a:p>
            <a:r>
              <a:rPr lang="ja-JP" altLang="en-US" smtClean="0"/>
              <a:t>マスター タイトルの書式設定</a:t>
            </a:r>
            <a:endParaRPr dirty="0"/>
          </a:p>
        </p:txBody>
      </p:sp>
      <p:sp>
        <p:nvSpPr>
          <p:cNvPr id="3" name="Holder 3"/>
          <p:cNvSpPr>
            <a:spLocks noGrp="1"/>
          </p:cNvSpPr>
          <p:nvPr>
            <p:ph type="subTitle" idx="4"/>
          </p:nvPr>
        </p:nvSpPr>
        <p:spPr>
          <a:xfrm>
            <a:off x="-35999" y="4150376"/>
            <a:ext cx="4608000" cy="369332"/>
          </a:xfrm>
          <a:prstGeom prst="rect">
            <a:avLst/>
          </a:prstGeom>
        </p:spPr>
        <p:txBody>
          <a:bodyPr wrap="square" lIns="468000" tIns="0" rIns="0" bIns="0" anchor="b">
            <a:noAutofit/>
          </a:bodyPr>
          <a:lstStyle>
            <a:lvl1pPr>
              <a:defRPr sz="2400" baseline="0">
                <a:latin typeface="Meiryo UI" panose="020B0604030504040204" pitchFamily="50" charset="-128"/>
              </a:defRPr>
            </a:lvl1pPr>
          </a:lstStyle>
          <a:p>
            <a:r>
              <a:rPr lang="ja-JP" altLang="en-US" smtClean="0"/>
              <a:t>マスター サブタイトルの書式設定</a:t>
            </a:r>
            <a:endParaRPr dirty="0"/>
          </a:p>
        </p:txBody>
      </p:sp>
      <p:sp>
        <p:nvSpPr>
          <p:cNvPr id="9" name="テキスト プレースホルダー 8"/>
          <p:cNvSpPr>
            <a:spLocks noGrp="1"/>
          </p:cNvSpPr>
          <p:nvPr>
            <p:ph type="body" sz="quarter" idx="10"/>
          </p:nvPr>
        </p:nvSpPr>
        <p:spPr>
          <a:xfrm>
            <a:off x="-35999" y="4662305"/>
            <a:ext cx="4608000" cy="1215717"/>
          </a:xfrm>
          <a:prstGeom prst="rect">
            <a:avLst/>
          </a:prstGeom>
        </p:spPr>
        <p:txBody>
          <a:bodyPr lIns="468000" tIns="0" rIns="0" bIns="0" anchor="t">
            <a:noAutofit/>
          </a:bodyPr>
          <a:lstStyle>
            <a:lvl1pPr>
              <a:defRPr sz="1600" baseline="0">
                <a:latin typeface="Meiryo UI" panose="020B0604030504040204" pitchFamily="50" charset="-128"/>
              </a:defRPr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</a:lstStyle>
          <a:p>
            <a:pPr lvl="0"/>
            <a:r>
              <a:rPr kumimoji="1" lang="ja-JP" altLang="en-US" smtClean="0"/>
              <a:t>マスター テキストの書式設定</a:t>
            </a:r>
          </a:p>
        </p:txBody>
      </p:sp>
      <p:pic>
        <p:nvPicPr>
          <p:cNvPr id="8" name="図 7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32285" y="454041"/>
            <a:ext cx="2266290" cy="864000"/>
          </a:xfrm>
          <a:prstGeom prst="rect">
            <a:avLst/>
          </a:prstGeom>
        </p:spPr>
      </p:pic>
      <p:pic>
        <p:nvPicPr>
          <p:cNvPr id="6" name="図 5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773117" y="6310471"/>
            <a:ext cx="1078338" cy="277368"/>
          </a:xfrm>
          <a:prstGeom prst="rect">
            <a:avLst/>
          </a:prstGeom>
          <a:noFill/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アジェン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タイトル 7"/>
          <p:cNvSpPr>
            <a:spLocks noGrp="1"/>
          </p:cNvSpPr>
          <p:nvPr>
            <p:ph type="title"/>
          </p:nvPr>
        </p:nvSpPr>
        <p:spPr/>
        <p:txBody>
          <a:bodyPr wrap="square" rIns="1440000"/>
          <a:lstStyle>
            <a:lvl1pPr>
              <a:defRPr/>
            </a:lvl1pPr>
          </a:lstStyle>
          <a:p>
            <a:r>
              <a:rPr kumimoji="1" lang="ja-JP" altLang="en-US" smtClean="0"/>
              <a:t>マスター タイトルの書式設定</a:t>
            </a:r>
            <a:endParaRPr kumimoji="1" lang="ja-JP" altLang="en-US" dirty="0"/>
          </a:p>
        </p:txBody>
      </p:sp>
      <p:sp>
        <p:nvSpPr>
          <p:cNvPr id="10" name="テキスト プレースホルダー 9"/>
          <p:cNvSpPr>
            <a:spLocks noGrp="1"/>
          </p:cNvSpPr>
          <p:nvPr>
            <p:ph type="body" sz="quarter" idx="10"/>
          </p:nvPr>
        </p:nvSpPr>
        <p:spPr>
          <a:xfrm>
            <a:off x="0" y="839788"/>
            <a:ext cx="9143999" cy="5038348"/>
          </a:xfrm>
          <a:prstGeom prst="rect">
            <a:avLst/>
          </a:prstGeom>
        </p:spPr>
        <p:txBody>
          <a:bodyPr lIns="144000" tIns="396000" rIns="648000"/>
          <a:lstStyle>
            <a:lvl1pPr marL="720000" indent="0">
              <a:lnSpc>
                <a:spcPct val="120000"/>
              </a:lnSpc>
              <a:spcBef>
                <a:spcPts val="0"/>
              </a:spcBef>
              <a:buFont typeface="+mj-lt"/>
              <a:buAutoNum type="arabicPeriod"/>
              <a:defRPr sz="3400" baseline="0">
                <a:latin typeface="Meiryo UI" panose="020B0604030504040204" pitchFamily="50" charset="-128"/>
              </a:defRPr>
            </a:lvl1pPr>
            <a:lvl2pPr marL="800100" indent="-342900">
              <a:buFont typeface="+mj-lt"/>
              <a:buAutoNum type="arabicPeriod"/>
              <a:defRPr/>
            </a:lvl2pPr>
            <a:lvl3pPr marL="1257300" indent="-342900">
              <a:buFont typeface="+mj-lt"/>
              <a:buAutoNum type="arabicPeriod"/>
              <a:defRPr/>
            </a:lvl3pPr>
            <a:lvl4pPr marL="1714500" indent="-342900">
              <a:buFont typeface="+mj-lt"/>
              <a:buAutoNum type="arabicPeriod"/>
              <a:defRPr/>
            </a:lvl4pPr>
            <a:lvl5pPr marL="2171700" indent="-342900">
              <a:buFont typeface="+mj-lt"/>
              <a:buAutoNum type="arabicPeriod"/>
              <a:defRPr/>
            </a:lvl5pPr>
          </a:lstStyle>
          <a:p>
            <a:pPr lvl="0"/>
            <a:r>
              <a:rPr kumimoji="1" lang="ja-JP" altLang="en-US" smtClean="0"/>
              <a:t>マスター テキストの書式設定</a:t>
            </a:r>
          </a:p>
        </p:txBody>
      </p:sp>
      <p:sp>
        <p:nvSpPr>
          <p:cNvPr id="2" name="スライド番号プレースホルダー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‹#›</a:t>
            </a:fld>
            <a:r>
              <a:rPr lang="en-US" altLang="ja-JP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扉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図 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0" y="-23825"/>
            <a:ext cx="9216000" cy="6912000"/>
          </a:xfrm>
          <a:prstGeom prst="rect">
            <a:avLst/>
          </a:prstGeom>
        </p:spPr>
      </p:pic>
      <p:sp>
        <p:nvSpPr>
          <p:cNvPr id="7" name="タイトル 6"/>
          <p:cNvSpPr>
            <a:spLocks noGrp="1"/>
          </p:cNvSpPr>
          <p:nvPr>
            <p:ph type="title"/>
          </p:nvPr>
        </p:nvSpPr>
        <p:spPr>
          <a:xfrm>
            <a:off x="-36000" y="1158885"/>
            <a:ext cx="9216000" cy="1255728"/>
          </a:xfrm>
        </p:spPr>
        <p:txBody>
          <a:bodyPr wrap="square" rIns="648000" anchor="t">
            <a:noAutofit/>
          </a:bodyPr>
          <a:lstStyle>
            <a:lvl1pPr marL="0" indent="0" algn="l">
              <a:lnSpc>
                <a:spcPct val="120000"/>
              </a:lnSpc>
              <a:buSzPct val="120000"/>
              <a:buFont typeface="+mj-lt"/>
              <a:buNone/>
              <a:defRPr sz="3400" b="0" baseline="0">
                <a:solidFill>
                  <a:schemeClr val="bg1"/>
                </a:solidFill>
                <a:latin typeface="Meiryo UI" panose="020B0604030504040204" pitchFamily="50" charset="-128"/>
              </a:defRPr>
            </a:lvl1pPr>
          </a:lstStyle>
          <a:p>
            <a:r>
              <a:rPr kumimoji="1" lang="ja-JP" altLang="en-US" smtClean="0"/>
              <a:t>マスター タイトルの書式設定</a:t>
            </a:r>
            <a:endParaRPr kumimoji="1" lang="ja-JP" altLang="en-US" dirty="0"/>
          </a:p>
        </p:txBody>
      </p:sp>
      <p:sp>
        <p:nvSpPr>
          <p:cNvPr id="4" name="テキスト プレースホルダー 3"/>
          <p:cNvSpPr>
            <a:spLocks noGrp="1"/>
          </p:cNvSpPr>
          <p:nvPr>
            <p:ph type="body" sz="quarter" idx="11"/>
          </p:nvPr>
        </p:nvSpPr>
        <p:spPr>
          <a:xfrm>
            <a:off x="-36000" y="0"/>
            <a:ext cx="9216000" cy="1187121"/>
          </a:xfrm>
          <a:prstGeom prst="rect">
            <a:avLst/>
          </a:prstGeom>
        </p:spPr>
        <p:txBody>
          <a:bodyPr wrap="square" lIns="288000" rIns="360000">
            <a:noAutofit/>
          </a:bodyPr>
          <a:lstStyle>
            <a:lvl1pPr>
              <a:defRPr sz="7100" b="1" i="0">
                <a:solidFill>
                  <a:schemeClr val="bg1"/>
                </a:solidFill>
                <a:latin typeface="Meiryo UI" panose="020B0604030504040204" pitchFamily="50" charset="-128"/>
                <a:ea typeface="Meiryo UI" panose="020B0604030504040204" pitchFamily="50" charset="-128"/>
                <a:cs typeface="Verdana" charset="0"/>
              </a:defRPr>
            </a:lvl1pPr>
          </a:lstStyle>
          <a:p>
            <a:pPr lvl="0"/>
            <a:r>
              <a:rPr kumimoji="1" lang="ja-JP" altLang="en-US" smtClean="0"/>
              <a:t>マスター テキストの書式設定</a:t>
            </a:r>
          </a:p>
        </p:txBody>
      </p:sp>
      <p:pic>
        <p:nvPicPr>
          <p:cNvPr id="8" name="図 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2776" y="6254938"/>
            <a:ext cx="1131196" cy="42931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タイトルとコンテンツ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 wrap="square" rIns="1440000"/>
          <a:lstStyle/>
          <a:p>
            <a:r>
              <a:rPr kumimoji="1" lang="ja-JP" altLang="en-US" smtClean="0"/>
              <a:t>マスター タイトルの書式設定</a:t>
            </a:r>
            <a:endParaRPr kumimoji="1" lang="ja-JP" altLang="en-US"/>
          </a:p>
        </p:txBody>
      </p:sp>
      <p:sp>
        <p:nvSpPr>
          <p:cNvPr id="6" name="コンテンツ プレースホルダー 5"/>
          <p:cNvSpPr>
            <a:spLocks noGrp="1"/>
          </p:cNvSpPr>
          <p:nvPr>
            <p:ph sz="quarter" idx="12"/>
          </p:nvPr>
        </p:nvSpPr>
        <p:spPr>
          <a:xfrm>
            <a:off x="0" y="850546"/>
            <a:ext cx="9143999" cy="5012092"/>
          </a:xfrm>
          <a:prstGeom prst="rect">
            <a:avLst/>
          </a:prstGeom>
        </p:spPr>
        <p:txBody>
          <a:bodyPr lIns="720000" rIns="648000"/>
          <a:lstStyle>
            <a:lvl1pPr>
              <a:spcAft>
                <a:spcPts val="600"/>
              </a:spcAft>
              <a:defRPr sz="2000" baseline="0">
                <a:latin typeface="Meiryo UI" panose="020B0604030504040204" pitchFamily="50" charset="-128"/>
              </a:defRPr>
            </a:lvl1pPr>
            <a:lvl2pPr>
              <a:spcAft>
                <a:spcPts val="600"/>
              </a:spcAft>
              <a:defRPr sz="2000" baseline="0">
                <a:latin typeface="Meiryo UI" panose="020B0604030504040204" pitchFamily="50" charset="-128"/>
              </a:defRPr>
            </a:lvl2pPr>
            <a:lvl3pPr>
              <a:spcAft>
                <a:spcPts val="600"/>
              </a:spcAft>
              <a:defRPr sz="2000" baseline="0">
                <a:latin typeface="Meiryo UI" panose="020B0604030504040204" pitchFamily="50" charset="-128"/>
              </a:defRPr>
            </a:lvl3pPr>
            <a:lvl4pPr>
              <a:spcAft>
                <a:spcPts val="600"/>
              </a:spcAft>
              <a:defRPr sz="1600" baseline="0">
                <a:latin typeface="Meiryo UI" panose="020B0604030504040204" pitchFamily="50" charset="-128"/>
              </a:defRPr>
            </a:lvl4pPr>
            <a:lvl5pPr>
              <a:spcAft>
                <a:spcPts val="600"/>
              </a:spcAft>
              <a:defRPr sz="1600" baseline="0">
                <a:latin typeface="Meiryo UI" panose="020B0604030504040204" pitchFamily="50" charset="-128"/>
              </a:defRPr>
            </a:lvl5pPr>
          </a:lstStyle>
          <a:p>
            <a:pPr lvl="0"/>
            <a:r>
              <a:rPr kumimoji="1" lang="ja-JP" altLang="en-US" smtClean="0"/>
              <a:t>マスター テキストの書式設定</a:t>
            </a:r>
          </a:p>
          <a:p>
            <a:pPr lvl="1"/>
            <a:r>
              <a:rPr kumimoji="1" lang="ja-JP" altLang="en-US" smtClean="0"/>
              <a:t>第 </a:t>
            </a:r>
            <a:r>
              <a:rPr kumimoji="1" lang="en-US" altLang="ja-JP" smtClean="0"/>
              <a:t>2 </a:t>
            </a:r>
            <a:r>
              <a:rPr kumimoji="1" lang="ja-JP" altLang="en-US" smtClean="0"/>
              <a:t>レベル</a:t>
            </a:r>
          </a:p>
          <a:p>
            <a:pPr lvl="2"/>
            <a:r>
              <a:rPr kumimoji="1" lang="ja-JP" altLang="en-US" smtClean="0"/>
              <a:t>第 </a:t>
            </a:r>
            <a:r>
              <a:rPr kumimoji="1" lang="en-US" altLang="ja-JP" smtClean="0"/>
              <a:t>3 </a:t>
            </a:r>
            <a:r>
              <a:rPr kumimoji="1" lang="ja-JP" altLang="en-US" smtClean="0"/>
              <a:t>レベル</a:t>
            </a:r>
          </a:p>
          <a:p>
            <a:pPr lvl="3"/>
            <a:r>
              <a:rPr kumimoji="1" lang="ja-JP" altLang="en-US" smtClean="0"/>
              <a:t>第 </a:t>
            </a:r>
            <a:r>
              <a:rPr kumimoji="1" lang="en-US" altLang="ja-JP" smtClean="0"/>
              <a:t>4 </a:t>
            </a:r>
            <a:r>
              <a:rPr kumimoji="1" lang="ja-JP" altLang="en-US" smtClean="0"/>
              <a:t>レベル</a:t>
            </a:r>
          </a:p>
          <a:p>
            <a:pPr lvl="4"/>
            <a:r>
              <a:rPr kumimoji="1" lang="ja-JP" altLang="en-US" smtClean="0"/>
              <a:t>第 </a:t>
            </a:r>
            <a:r>
              <a:rPr kumimoji="1" lang="en-US" altLang="ja-JP" smtClean="0"/>
              <a:t>5 </a:t>
            </a:r>
            <a:r>
              <a:rPr kumimoji="1" lang="ja-JP" altLang="en-US" smtClean="0"/>
              <a:t>レベル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‹#›</a:t>
            </a:fld>
            <a:r>
              <a:rPr lang="en-US" altLang="ja-JP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</p:spTree>
    <p:extLst/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タイトルのみ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タイトル 5"/>
          <p:cNvSpPr>
            <a:spLocks noGrp="1"/>
          </p:cNvSpPr>
          <p:nvPr>
            <p:ph type="title"/>
          </p:nvPr>
        </p:nvSpPr>
        <p:spPr/>
        <p:txBody>
          <a:bodyPr wrap="square" rIns="1440000"/>
          <a:lstStyle/>
          <a:p>
            <a:r>
              <a:rPr kumimoji="1" lang="ja-JP" altLang="en-US" smtClean="0"/>
              <a:t>マスター タイトルの書式設定</a:t>
            </a:r>
            <a:endParaRPr kumimoji="1" lang="ja-JP" altLang="en-US" dirty="0"/>
          </a:p>
        </p:txBody>
      </p:sp>
      <p:sp>
        <p:nvSpPr>
          <p:cNvPr id="2" name="スライド番号プレースホルダー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‹#›</a:t>
            </a:fld>
            <a:r>
              <a:rPr lang="en-US" altLang="ja-JP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コーポレートマーク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図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17325" y="2568596"/>
            <a:ext cx="3909351" cy="14904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alpha val="54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タイトル プレースホルダー 9"/>
          <p:cNvSpPr>
            <a:spLocks noGrp="1"/>
          </p:cNvSpPr>
          <p:nvPr>
            <p:ph type="title"/>
          </p:nvPr>
        </p:nvSpPr>
        <p:spPr>
          <a:xfrm>
            <a:off x="0" y="198507"/>
            <a:ext cx="9144000" cy="353943"/>
          </a:xfrm>
          <a:prstGeom prst="rect">
            <a:avLst/>
          </a:prstGeom>
        </p:spPr>
        <p:txBody>
          <a:bodyPr vert="horz" wrap="none" lIns="360000" tIns="0" rIns="0" bIns="0" rtlCol="0" anchor="ctr">
            <a:noAutofit/>
          </a:bodyPr>
          <a:lstStyle/>
          <a:p>
            <a:r>
              <a:rPr kumimoji="1" lang="ja-JP" altLang="en-US" dirty="0"/>
              <a:t>マスター タイトルの書式設定</a:t>
            </a:r>
          </a:p>
        </p:txBody>
      </p:sp>
      <p:sp>
        <p:nvSpPr>
          <p:cNvPr id="11" name="object 7"/>
          <p:cNvSpPr/>
          <p:nvPr/>
        </p:nvSpPr>
        <p:spPr>
          <a:xfrm>
            <a:off x="1944000" y="6257319"/>
            <a:ext cx="7200000" cy="0"/>
          </a:xfrm>
          <a:custGeom>
            <a:avLst/>
            <a:gdLst/>
            <a:ahLst/>
            <a:cxnLst/>
            <a:rect l="l" t="t" r="r" b="b"/>
            <a:pathLst>
              <a:path w="7078980">
                <a:moveTo>
                  <a:pt x="0" y="0"/>
                </a:moveTo>
                <a:lnTo>
                  <a:pt x="7078827" y="0"/>
                </a:lnTo>
              </a:path>
            </a:pathLst>
          </a:custGeom>
          <a:ln w="6273">
            <a:solidFill>
              <a:srgbClr val="DC0032"/>
            </a:solidFill>
          </a:ln>
        </p:spPr>
        <p:txBody>
          <a:bodyPr wrap="square" lIns="0" tIns="0" rIns="0" bIns="0" rtlCol="0"/>
          <a:lstStyle/>
          <a:p>
            <a:endParaRPr dirty="0">
              <a:latin typeface="Meiryo UI" panose="020B0604030504040204" pitchFamily="50" charset="-128"/>
            </a:endParaRPr>
          </a:p>
        </p:txBody>
      </p:sp>
      <p:sp>
        <p:nvSpPr>
          <p:cNvPr id="14" name="object 12"/>
          <p:cNvSpPr/>
          <p:nvPr/>
        </p:nvSpPr>
        <p:spPr>
          <a:xfrm>
            <a:off x="1618321" y="6223000"/>
            <a:ext cx="259715" cy="641350"/>
          </a:xfrm>
          <a:custGeom>
            <a:avLst/>
            <a:gdLst/>
            <a:ahLst/>
            <a:cxnLst/>
            <a:rect l="l" t="t" r="r" b="b"/>
            <a:pathLst>
              <a:path w="259714" h="641350">
                <a:moveTo>
                  <a:pt x="259626" y="0"/>
                </a:moveTo>
                <a:lnTo>
                  <a:pt x="203631" y="0"/>
                </a:lnTo>
                <a:lnTo>
                  <a:pt x="0" y="641159"/>
                </a:lnTo>
                <a:lnTo>
                  <a:pt x="55994" y="641159"/>
                </a:lnTo>
                <a:lnTo>
                  <a:pt x="259626" y="0"/>
                </a:lnTo>
                <a:close/>
              </a:path>
            </a:pathLst>
          </a:custGeom>
          <a:solidFill>
            <a:srgbClr val="DC0032"/>
          </a:solidFill>
          <a:ln>
            <a:noFill/>
          </a:ln>
        </p:spPr>
        <p:txBody>
          <a:bodyPr wrap="square" lIns="0" tIns="0" rIns="0" bIns="0" rtlCol="0"/>
          <a:lstStyle/>
          <a:p>
            <a:endParaRPr dirty="0">
              <a:latin typeface="Meiryo UI" panose="020B0604030504040204" pitchFamily="50" charset="-128"/>
            </a:endParaRPr>
          </a:p>
        </p:txBody>
      </p:sp>
      <p:sp>
        <p:nvSpPr>
          <p:cNvPr id="21" name="スライド番号プレースホルダー 8"/>
          <p:cNvSpPr>
            <a:spLocks noGrp="1"/>
          </p:cNvSpPr>
          <p:nvPr>
            <p:ph type="sldNum" sz="quarter" idx="4"/>
          </p:nvPr>
        </p:nvSpPr>
        <p:spPr>
          <a:xfrm>
            <a:off x="6598038" y="635764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00">
                <a:solidFill>
                  <a:srgbClr val="828282"/>
                </a:solidFill>
                <a:latin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fld id="{80F554CA-2BEA-3E4B-997B-FC51848F792A}" type="slidenum">
              <a:rPr lang="ja-JP" altLang="en-US" smtClean="0"/>
              <a:pPr/>
              <a:t>‹#›</a:t>
            </a:fld>
            <a:r>
              <a:rPr lang="en-US" altLang="ja-JP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2" name="テキスト ボックス 1"/>
          <p:cNvSpPr txBox="1"/>
          <p:nvPr/>
        </p:nvSpPr>
        <p:spPr>
          <a:xfrm>
            <a:off x="8480014" y="6393246"/>
            <a:ext cx="471604" cy="292388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kumimoji="1" lang="en-US" altLang="ja-JP" sz="1300" dirty="0" smtClean="0">
                <a:solidFill>
                  <a:srgbClr val="797979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/14</a:t>
            </a:r>
            <a:endParaRPr kumimoji="1" lang="ja-JP" altLang="en-US" sz="1300" dirty="0">
              <a:solidFill>
                <a:srgbClr val="797979"/>
              </a:solidFill>
              <a:latin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4" name="図 3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24246" y="6254938"/>
            <a:ext cx="1129726" cy="430696"/>
          </a:xfrm>
          <a:prstGeom prst="rect">
            <a:avLst/>
          </a:prstGeom>
        </p:spPr>
      </p:pic>
      <p:sp>
        <p:nvSpPr>
          <p:cNvPr id="12" name="object 9"/>
          <p:cNvSpPr txBox="1"/>
          <p:nvPr/>
        </p:nvSpPr>
        <p:spPr>
          <a:xfrm>
            <a:off x="2097358" y="6428097"/>
            <a:ext cx="6026733" cy="22313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9685">
              <a:lnSpc>
                <a:spcPct val="100000"/>
              </a:lnSpc>
            </a:pPr>
            <a:r>
              <a:rPr sz="700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owerpoint </a:t>
            </a:r>
            <a:r>
              <a:rPr sz="7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resentation </a:t>
            </a:r>
            <a:r>
              <a:rPr sz="700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briefing  / April 1, 2017 / </a:t>
            </a:r>
            <a:r>
              <a:rPr sz="7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aro </a:t>
            </a:r>
            <a:r>
              <a:rPr lang="en-US" sz="7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Kariya</a:t>
            </a:r>
            <a:r>
              <a:rPr sz="7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sz="700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/ </a:t>
            </a:r>
            <a:r>
              <a:rPr lang="en-US" sz="7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dvanced Safety Systems Eng. Div.</a:t>
            </a:r>
            <a:endParaRPr sz="700" dirty="0">
              <a:solidFill>
                <a:srgbClr val="828282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12700">
              <a:lnSpc>
                <a:spcPct val="100000"/>
              </a:lnSpc>
              <a:spcBef>
                <a:spcPts val="310"/>
              </a:spcBef>
            </a:pPr>
            <a:r>
              <a:rPr sz="500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© </a:t>
            </a:r>
            <a:r>
              <a:rPr sz="50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ENSO </a:t>
            </a:r>
            <a:r>
              <a:rPr sz="500" spc="-5" smtClean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</a:t>
            </a:r>
            <a:r>
              <a:rPr lang="en-US" altLang="ja-JP" sz="500" spc="-5" smtClean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R</a:t>
            </a:r>
            <a:r>
              <a:rPr sz="500" spc="-5" smtClean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ORATION </a:t>
            </a:r>
            <a:r>
              <a:rPr sz="500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ll </a:t>
            </a:r>
            <a:r>
              <a:rPr sz="5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Rights</a:t>
            </a:r>
            <a:r>
              <a:rPr sz="500" spc="-9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sz="500" spc="-5" dirty="0">
                <a:solidFill>
                  <a:srgbClr val="82828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Reserved.</a:t>
            </a:r>
            <a:endParaRPr sz="500" dirty="0">
              <a:solidFill>
                <a:srgbClr val="828282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9" name="図 8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772631" y="207894"/>
            <a:ext cx="1087193" cy="279645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65" r:id="rId2"/>
    <p:sldLayoutId id="2147483664" r:id="rId3"/>
    <p:sldLayoutId id="2147483692" r:id="rId4"/>
    <p:sldLayoutId id="2147483688" r:id="rId5"/>
    <p:sldLayoutId id="2147483689" r:id="rId6"/>
  </p:sldLayoutIdLst>
  <p:timing>
    <p:tnLst>
      <p:par>
        <p:cTn id="1" dur="indefinite" restart="never" nodeType="tmRoot"/>
      </p:par>
    </p:tnLst>
  </p:timing>
  <p:hf hdr="0" ftr="0" dt="0"/>
  <p:txStyles>
    <p:titleStyle>
      <a:lvl1pPr eaLnBrk="1" hangingPunct="1">
        <a:defRPr kumimoji="1" sz="2500" b="1">
          <a:latin typeface="Meiryo UI" panose="020B0604030504040204" pitchFamily="50" charset="-128"/>
          <a:ea typeface="+mj-ea"/>
          <a:cs typeface="+mj-cs"/>
        </a:defRPr>
      </a:lvl1pPr>
    </p:titleStyle>
    <p:bodyStyle>
      <a:lvl1pPr marL="0" eaLnBrk="1" hangingPunct="1">
        <a:spcAft>
          <a:spcPts val="600"/>
        </a:spcAft>
        <a:defRPr kumimoji="1" sz="2000">
          <a:latin typeface="+mn-lt"/>
          <a:ea typeface="+mn-ea"/>
          <a:cs typeface="+mn-cs"/>
        </a:defRPr>
      </a:lvl1pPr>
      <a:lvl2pPr marL="457200" eaLnBrk="1" hangingPunct="1">
        <a:defRPr kumimoji="1">
          <a:latin typeface="+mn-lt"/>
          <a:ea typeface="+mn-ea"/>
          <a:cs typeface="+mn-cs"/>
        </a:defRPr>
      </a:lvl2pPr>
      <a:lvl3pPr marL="914400" eaLnBrk="1" hangingPunct="1">
        <a:defRPr kumimoji="1">
          <a:latin typeface="+mn-lt"/>
          <a:ea typeface="+mn-ea"/>
          <a:cs typeface="+mn-cs"/>
        </a:defRPr>
      </a:lvl3pPr>
      <a:lvl4pPr marL="1371600" eaLnBrk="1" hangingPunct="1">
        <a:defRPr kumimoji="1">
          <a:latin typeface="+mn-lt"/>
          <a:ea typeface="+mn-ea"/>
          <a:cs typeface="+mn-cs"/>
        </a:defRPr>
      </a:lvl4pPr>
      <a:lvl5pPr marL="1828800" eaLnBrk="1" hangingPunct="1">
        <a:defRPr kumimoji="1">
          <a:latin typeface="+mn-lt"/>
          <a:ea typeface="+mn-ea"/>
          <a:cs typeface="+mn-cs"/>
        </a:defRPr>
      </a:lvl5pPr>
      <a:lvl6pPr marL="2286000" eaLnBrk="1" hangingPunct="1">
        <a:defRPr kumimoji="1">
          <a:latin typeface="+mn-lt"/>
          <a:ea typeface="+mn-ea"/>
          <a:cs typeface="+mn-cs"/>
        </a:defRPr>
      </a:lvl6pPr>
      <a:lvl7pPr marL="2743200" eaLnBrk="1" hangingPunct="1">
        <a:defRPr kumimoji="1">
          <a:latin typeface="+mn-lt"/>
          <a:ea typeface="+mn-ea"/>
          <a:cs typeface="+mn-cs"/>
        </a:defRPr>
      </a:lvl7pPr>
      <a:lvl8pPr marL="3200400" eaLnBrk="1" hangingPunct="1">
        <a:defRPr kumimoji="1">
          <a:latin typeface="+mn-lt"/>
          <a:ea typeface="+mn-ea"/>
          <a:cs typeface="+mn-cs"/>
        </a:defRPr>
      </a:lvl8pPr>
      <a:lvl9pPr marL="3657600" eaLnBrk="1" hangingPunct="1">
        <a:defRPr kumimoji="1">
          <a:latin typeface="+mn-lt"/>
          <a:ea typeface="+mn-ea"/>
          <a:cs typeface="+mn-cs"/>
        </a:defRPr>
      </a:lvl9pPr>
    </p:bodyStyle>
    <p:otherStyle>
      <a:lvl1pPr marL="0" eaLnBrk="1" hangingPunct="1">
        <a:defRPr kumimoji="1">
          <a:latin typeface="+mn-lt"/>
          <a:ea typeface="+mn-ea"/>
          <a:cs typeface="+mn-cs"/>
        </a:defRPr>
      </a:lvl1pPr>
      <a:lvl2pPr marL="457200" eaLnBrk="1" hangingPunct="1">
        <a:defRPr kumimoji="1">
          <a:latin typeface="+mn-lt"/>
          <a:ea typeface="+mn-ea"/>
          <a:cs typeface="+mn-cs"/>
        </a:defRPr>
      </a:lvl2pPr>
      <a:lvl3pPr marL="914400" eaLnBrk="1" hangingPunct="1">
        <a:defRPr kumimoji="1">
          <a:latin typeface="+mn-lt"/>
          <a:ea typeface="+mn-ea"/>
          <a:cs typeface="+mn-cs"/>
        </a:defRPr>
      </a:lvl3pPr>
      <a:lvl4pPr marL="1371600" eaLnBrk="1" hangingPunct="1">
        <a:defRPr kumimoji="1">
          <a:latin typeface="+mn-lt"/>
          <a:ea typeface="+mn-ea"/>
          <a:cs typeface="+mn-cs"/>
        </a:defRPr>
      </a:lvl4pPr>
      <a:lvl5pPr marL="1828800" eaLnBrk="1" hangingPunct="1">
        <a:defRPr kumimoji="1">
          <a:latin typeface="+mn-lt"/>
          <a:ea typeface="+mn-ea"/>
          <a:cs typeface="+mn-cs"/>
        </a:defRPr>
      </a:lvl5pPr>
      <a:lvl6pPr marL="2286000" eaLnBrk="1" hangingPunct="1">
        <a:defRPr kumimoji="1">
          <a:latin typeface="+mn-lt"/>
          <a:ea typeface="+mn-ea"/>
          <a:cs typeface="+mn-cs"/>
        </a:defRPr>
      </a:lvl6pPr>
      <a:lvl7pPr marL="2743200" eaLnBrk="1" hangingPunct="1">
        <a:defRPr kumimoji="1">
          <a:latin typeface="+mn-lt"/>
          <a:ea typeface="+mn-ea"/>
          <a:cs typeface="+mn-cs"/>
        </a:defRPr>
      </a:lvl7pPr>
      <a:lvl8pPr marL="3200400" eaLnBrk="1" hangingPunct="1">
        <a:defRPr kumimoji="1">
          <a:latin typeface="+mn-lt"/>
          <a:ea typeface="+mn-ea"/>
          <a:cs typeface="+mn-cs"/>
        </a:defRPr>
      </a:lvl8pPr>
      <a:lvl9pPr marL="3657600" eaLnBrk="1" hangingPunct="1">
        <a:defRPr kumimoji="1"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162" userDrawn="1">
          <p15:clr>
            <a:srgbClr val="F26B43"/>
          </p15:clr>
        </p15:guide>
        <p15:guide id="4" pos="5329" userDrawn="1">
          <p15:clr>
            <a:srgbClr val="F26B43"/>
          </p15:clr>
        </p15:guide>
        <p15:guide id="5" orient="horz" pos="529" userDrawn="1">
          <p15:clr>
            <a:srgbClr val="F26B43"/>
          </p15:clr>
        </p15:guide>
        <p15:guide id="6" orient="horz" pos="3704" userDrawn="1">
          <p15:clr>
            <a:srgbClr val="F26B43"/>
          </p15:clr>
        </p15:guide>
        <p15:guide id="8" pos="431" userDrawn="1">
          <p15:clr>
            <a:srgbClr val="F26B43"/>
          </p15:clr>
        </p15:guide>
        <p15:guide id="9" pos="2880" userDrawn="1">
          <p15:clr>
            <a:srgbClr val="F26B43"/>
          </p15:clr>
        </p15:guide>
        <p15:guide id="10" orient="horz" pos="3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7" Type="http://schemas.openxmlformats.org/officeDocument/2006/relationships/image" Target="../media/image16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8.png"/><Relationship Id="rId4" Type="http://schemas.openxmlformats.org/officeDocument/2006/relationships/image" Target="../media/image17.jpe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3.png"/><Relationship Id="rId5" Type="http://schemas.openxmlformats.org/officeDocument/2006/relationships/image" Target="../media/image22.jpeg"/><Relationship Id="rId4" Type="http://schemas.openxmlformats.org/officeDocument/2006/relationships/image" Target="../media/image21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microsoft.com/office/2007/relationships/media" Target="../media/media2.mp4"/><Relationship Id="rId7" Type="http://schemas.openxmlformats.org/officeDocument/2006/relationships/image" Target="../media/image24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notesSlide" Target="../notesSlides/notesSlide16.xml"/><Relationship Id="rId5" Type="http://schemas.openxmlformats.org/officeDocument/2006/relationships/slideLayout" Target="../slideLayouts/slideLayout2.xml"/><Relationship Id="rId4" Type="http://schemas.openxmlformats.org/officeDocument/2006/relationships/video" Target="../media/media2.mp4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6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3.avi"/><Relationship Id="rId1" Type="http://schemas.microsoft.com/office/2007/relationships/media" Target="../media/media3.avi"/><Relationship Id="rId6" Type="http://schemas.openxmlformats.org/officeDocument/2006/relationships/image" Target="../media/image6.png"/><Relationship Id="rId5" Type="http://schemas.openxmlformats.org/officeDocument/2006/relationships/image" Target="../media/image27.png"/><Relationship Id="rId4" Type="http://schemas.openxmlformats.org/officeDocument/2006/relationships/notesSlide" Target="../notesSlides/notesSlide20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png"/><Relationship Id="rId5" Type="http://schemas.openxmlformats.org/officeDocument/2006/relationships/image" Target="../media/image8.jpeg"/><Relationship Id="rId4" Type="http://schemas.openxmlformats.org/officeDocument/2006/relationships/image" Target="../media/image7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png"/><Relationship Id="rId5" Type="http://schemas.openxmlformats.org/officeDocument/2006/relationships/image" Target="../media/image8.jpeg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テキスト プレースホルダー 3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altLang="ja-JP" dirty="0" smtClean="0"/>
              <a:t>AI</a:t>
            </a:r>
            <a:r>
              <a:rPr lang="ja-JP" altLang="en-US" dirty="0" smtClean="0"/>
              <a:t>研究</a:t>
            </a:r>
            <a:r>
              <a:rPr kumimoji="1" lang="ja-JP" altLang="en-US" dirty="0" smtClean="0"/>
              <a:t>部</a:t>
            </a:r>
            <a:endParaRPr kumimoji="1" lang="en-US" altLang="ja-JP" dirty="0" smtClean="0"/>
          </a:p>
          <a:p>
            <a:r>
              <a:rPr lang="en-US" altLang="ja-JP" dirty="0" smtClean="0"/>
              <a:t>AI</a:t>
            </a:r>
            <a:r>
              <a:rPr lang="ja-JP" altLang="en-US" dirty="0" smtClean="0"/>
              <a:t>エンベデット研究室</a:t>
            </a:r>
            <a:endParaRPr lang="en-US" altLang="ja-JP" dirty="0" smtClean="0"/>
          </a:p>
          <a:p>
            <a:r>
              <a:rPr kumimoji="1" lang="en-US" altLang="ja-JP" dirty="0" smtClean="0"/>
              <a:t>AI</a:t>
            </a:r>
            <a:r>
              <a:rPr kumimoji="1" lang="ja-JP" altLang="en-US" dirty="0" smtClean="0"/>
              <a:t>エンベデット１課　</a:t>
            </a:r>
            <a:r>
              <a:rPr lang="zh-TW" altLang="en-US" dirty="0" smtClean="0"/>
              <a:t>張家銓</a:t>
            </a:r>
            <a:endParaRPr kumimoji="1" lang="en-US" altLang="ja-JP" dirty="0" smtClean="0"/>
          </a:p>
          <a:p>
            <a:r>
              <a:rPr lang="en-US" altLang="ja-JP" dirty="0" smtClean="0"/>
              <a:t>2018.11.02</a:t>
            </a:r>
            <a:endParaRPr kumimoji="1" lang="ja-JP" altLang="en-US" dirty="0"/>
          </a:p>
        </p:txBody>
      </p:sp>
      <p:sp>
        <p:nvSpPr>
          <p:cNvPr id="5" name="サブタイトル 4"/>
          <p:cNvSpPr>
            <a:spLocks noGrp="1"/>
          </p:cNvSpPr>
          <p:nvPr>
            <p:ph type="subTitle" idx="4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7" name="タイトル 1"/>
          <p:cNvSpPr>
            <a:spLocks noGrp="1"/>
          </p:cNvSpPr>
          <p:nvPr>
            <p:ph type="ctrTitle"/>
          </p:nvPr>
        </p:nvSpPr>
        <p:spPr>
          <a:xfrm>
            <a:off x="0" y="2569934"/>
            <a:ext cx="5851137" cy="1271182"/>
          </a:xfrm>
        </p:spPr>
        <p:txBody>
          <a:bodyPr/>
          <a:lstStyle/>
          <a:p>
            <a:r>
              <a:rPr lang="ja-JP" altLang="en-US" sz="3200" dirty="0" smtClean="0">
                <a:ea typeface="Meiryo UI" pitchFamily="50" charset="-128"/>
                <a:cs typeface="Meiryo UI" pitchFamily="50" charset="-128"/>
              </a:rPr>
              <a:t>ロボット経由点</a:t>
            </a:r>
            <a:r>
              <a:rPr lang="zh-TW" altLang="en-US" sz="3200" dirty="0" smtClean="0">
                <a:ea typeface="Meiryo UI" pitchFamily="50" charset="-128"/>
                <a:cs typeface="Meiryo UI" pitchFamily="50" charset="-128"/>
              </a:rPr>
              <a:t>軌道</a:t>
            </a:r>
            <a:r>
              <a:rPr lang="ja-JP" altLang="en-US" sz="3200" dirty="0" smtClean="0">
                <a:ea typeface="Meiryo UI" pitchFamily="50" charset="-128"/>
                <a:cs typeface="Meiryo UI" pitchFamily="50" charset="-128"/>
              </a:rPr>
              <a:t>探索</a:t>
            </a:r>
            <a:r>
              <a:rPr lang="en-US" altLang="ja-JP" sz="3200" dirty="0" smtClean="0">
                <a:ea typeface="Meiryo UI" pitchFamily="50" charset="-128"/>
                <a:cs typeface="Meiryo UI" pitchFamily="50" charset="-128"/>
              </a:rPr>
              <a:t>:</a:t>
            </a:r>
            <a:br>
              <a:rPr lang="en-US" altLang="ja-JP" sz="3200" dirty="0" smtClean="0">
                <a:ea typeface="Meiryo UI" pitchFamily="50" charset="-128"/>
                <a:cs typeface="Meiryo UI" pitchFamily="50" charset="-128"/>
              </a:rPr>
            </a:br>
            <a:r>
              <a:rPr lang="ja-JP" altLang="en-US" sz="2400" b="0" dirty="0" smtClean="0">
                <a:ea typeface="Meiryo UI" pitchFamily="50" charset="-128"/>
                <a:cs typeface="Meiryo UI" pitchFamily="50" charset="-128"/>
              </a:rPr>
              <a:t>深層強化学習の実装と迷路問題での評価</a:t>
            </a:r>
            <a:endParaRPr lang="ja-JP" altLang="en-US" sz="2400" b="0" dirty="0">
              <a:ea typeface="Meiryo UI" pitchFamily="50" charset="-128"/>
              <a:cs typeface="Meiryo UI" pitchFamily="50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5961990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maze solving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0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 marL="1062900" indent="-342900">
              <a:buFont typeface="Arial" panose="020B0604020202020204" pitchFamily="34" charset="0"/>
              <a:buChar char="•"/>
            </a:pPr>
            <a:r>
              <a:rPr lang="en-US" altLang="zh-TW" sz="2400" b="1" dirty="0" smtClean="0"/>
              <a:t>10x10 Maze: </a:t>
            </a:r>
            <a:r>
              <a:rPr lang="en-US" altLang="zh-TW" sz="2400" b="1" dirty="0">
                <a:solidFill>
                  <a:schemeClr val="tx1"/>
                </a:solidFill>
              </a:rPr>
              <a:t>win rate 100%</a:t>
            </a:r>
          </a:p>
          <a:p>
            <a:pPr>
              <a:buNone/>
            </a:pPr>
            <a:r>
              <a:rPr lang="en-US" altLang="zh-TW" sz="2400" dirty="0" smtClean="0">
                <a:solidFill>
                  <a:schemeClr val="tx1"/>
                </a:solidFill>
              </a:rPr>
              <a:t>    </a:t>
            </a:r>
            <a:r>
              <a:rPr lang="en-US" altLang="zh-TW" sz="2000" dirty="0" smtClean="0">
                <a:solidFill>
                  <a:schemeClr val="tx1"/>
                </a:solidFill>
              </a:rPr>
              <a:t>-Training time: </a:t>
            </a:r>
            <a:r>
              <a:rPr lang="en-US" altLang="zh-TW" sz="2000" dirty="0" smtClean="0">
                <a:solidFill>
                  <a:srgbClr val="FF0000"/>
                </a:solidFill>
              </a:rPr>
              <a:t>&lt;30 minutes</a:t>
            </a:r>
            <a:endParaRPr lang="en-US" altLang="zh-TW" sz="2000" dirty="0" smtClean="0">
              <a:solidFill>
                <a:srgbClr val="FF0000"/>
              </a:solidFill>
            </a:endParaRPr>
          </a:p>
          <a:p>
            <a:pPr marL="1062900" indent="-342900">
              <a:buFont typeface="Arial" panose="020B0604020202020204" pitchFamily="34" charset="0"/>
              <a:buChar char="•"/>
            </a:pPr>
            <a:endParaRPr lang="en-US" altLang="zh-TW" sz="2400" dirty="0">
              <a:solidFill>
                <a:srgbClr val="FF0000"/>
              </a:solidFill>
            </a:endParaRPr>
          </a:p>
          <a:p>
            <a:pPr marL="1062900" indent="-342900">
              <a:buFont typeface="Arial" panose="020B0604020202020204" pitchFamily="34" charset="0"/>
              <a:buChar char="•"/>
            </a:pPr>
            <a:endParaRPr lang="en-US" altLang="zh-TW" sz="2400" dirty="0" smtClean="0">
              <a:solidFill>
                <a:srgbClr val="FF0000"/>
              </a:solidFill>
            </a:endParaRPr>
          </a:p>
          <a:p>
            <a:pPr marL="1062900" indent="-342900">
              <a:buFont typeface="Arial" panose="020B0604020202020204" pitchFamily="34" charset="0"/>
              <a:buChar char="•"/>
            </a:pPr>
            <a:endParaRPr lang="en-US" altLang="zh-TW" sz="2400" dirty="0" smtClean="0">
              <a:solidFill>
                <a:srgbClr val="FF0000"/>
              </a:solidFill>
            </a:endParaRPr>
          </a:p>
          <a:p>
            <a:pPr marL="1062900" indent="-342900">
              <a:buFont typeface="Arial" panose="020B0604020202020204" pitchFamily="34" charset="0"/>
              <a:buChar char="•"/>
            </a:pPr>
            <a:r>
              <a:rPr lang="en-US" altLang="zh-TW" sz="2400" b="1" dirty="0" smtClean="0">
                <a:solidFill>
                  <a:schemeClr val="tx1"/>
                </a:solidFill>
              </a:rPr>
              <a:t>40x40 Maze: win rate 98%</a:t>
            </a:r>
          </a:p>
          <a:p>
            <a:pPr>
              <a:buNone/>
            </a:pPr>
            <a:r>
              <a:rPr lang="en-US" altLang="zh-TW" sz="2000" dirty="0">
                <a:solidFill>
                  <a:schemeClr val="tx1"/>
                </a:solidFill>
              </a:rPr>
              <a:t> </a:t>
            </a:r>
            <a:r>
              <a:rPr lang="en-US" altLang="zh-TW" sz="2000" dirty="0" smtClean="0">
                <a:solidFill>
                  <a:schemeClr val="tx1"/>
                </a:solidFill>
              </a:rPr>
              <a:t>  -</a:t>
            </a:r>
            <a:r>
              <a:rPr lang="en-US" altLang="zh-TW" sz="2000" dirty="0">
                <a:solidFill>
                  <a:schemeClr val="tx1"/>
                </a:solidFill>
              </a:rPr>
              <a:t>Training time: </a:t>
            </a:r>
            <a:r>
              <a:rPr lang="en-US" altLang="zh-TW" sz="2000" dirty="0" smtClean="0">
                <a:solidFill>
                  <a:srgbClr val="FF0000"/>
                </a:solidFill>
              </a:rPr>
              <a:t>~1.5 days</a:t>
            </a:r>
            <a:endParaRPr lang="en-US" altLang="ja-JP" sz="2000" dirty="0"/>
          </a:p>
          <a:p>
            <a:pPr>
              <a:buNone/>
            </a:pPr>
            <a:endParaRPr lang="en-US" altLang="ja-JP" sz="1800" dirty="0" smtClean="0"/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kumimoji="1" lang="ja-JP" altLang="en-US" sz="1800" i="1" dirty="0"/>
          </a:p>
        </p:txBody>
      </p:sp>
      <p:graphicFrame>
        <p:nvGraphicFramePr>
          <p:cNvPr id="28" name="グラフ 27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055709814"/>
              </p:ext>
            </p:extLst>
          </p:nvPr>
        </p:nvGraphicFramePr>
        <p:xfrm>
          <a:off x="5636947" y="1543050"/>
          <a:ext cx="3279774" cy="21542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31" name="図 30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652" t="11269" r="18080" b="8672"/>
          <a:stretch/>
        </p:blipFill>
        <p:spPr>
          <a:xfrm>
            <a:off x="2913118" y="2139322"/>
            <a:ext cx="1551158" cy="1557991"/>
          </a:xfrm>
          <a:prstGeom prst="rect">
            <a:avLst/>
          </a:prstGeom>
        </p:spPr>
      </p:pic>
      <p:pic>
        <p:nvPicPr>
          <p:cNvPr id="33" name="図 3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56454" y="4735107"/>
            <a:ext cx="1350247" cy="1366554"/>
          </a:xfrm>
          <a:prstGeom prst="rect">
            <a:avLst/>
          </a:prstGeom>
        </p:spPr>
      </p:pic>
      <p:pic>
        <p:nvPicPr>
          <p:cNvPr id="34" name="図 33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30329" y="4746392"/>
            <a:ext cx="1356456" cy="1311140"/>
          </a:xfrm>
          <a:prstGeom prst="rect">
            <a:avLst/>
          </a:prstGeom>
        </p:spPr>
      </p:pic>
      <p:pic>
        <p:nvPicPr>
          <p:cNvPr id="3" name="図 2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636947" y="4131727"/>
            <a:ext cx="3279774" cy="2225913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sp>
        <p:nvSpPr>
          <p:cNvPr id="5" name="文字方塊 4"/>
          <p:cNvSpPr txBox="1"/>
          <p:nvPr/>
        </p:nvSpPr>
        <p:spPr>
          <a:xfrm>
            <a:off x="37827" y="2256160"/>
            <a:ext cx="2668874" cy="1200329"/>
          </a:xfrm>
          <a:prstGeom prst="rect">
            <a:avLst/>
          </a:prstGeom>
          <a:noFill/>
          <a:ln w="12700">
            <a:solidFill>
              <a:srgbClr val="0000FF"/>
            </a:solidFill>
          </a:ln>
        </p:spPr>
        <p:txBody>
          <a:bodyPr wrap="square" rtlCol="0">
            <a:spAutoFit/>
          </a:bodyPr>
          <a:lstStyle/>
          <a:p>
            <a:r>
              <a:rPr lang="en-US" altLang="zh-TW" dirty="0" smtClean="0">
                <a:solidFill>
                  <a:srgbClr val="0000FF"/>
                </a:solidFill>
              </a:rPr>
              <a:t>Computing resources:</a:t>
            </a:r>
          </a:p>
          <a:p>
            <a:r>
              <a:rPr lang="en-US" altLang="zh-TW" dirty="0" smtClean="0">
                <a:solidFill>
                  <a:srgbClr val="0000FF"/>
                </a:solidFill>
              </a:rPr>
              <a:t>CPU:i7-8700k</a:t>
            </a:r>
          </a:p>
          <a:p>
            <a:r>
              <a:rPr lang="en-US" altLang="zh-TW" dirty="0" smtClean="0">
                <a:solidFill>
                  <a:srgbClr val="0000FF"/>
                </a:solidFill>
              </a:rPr>
              <a:t>GPU:gtx1070 x 1</a:t>
            </a:r>
          </a:p>
          <a:p>
            <a:r>
              <a:rPr lang="en-US" altLang="zh-TW" dirty="0" smtClean="0">
                <a:solidFill>
                  <a:srgbClr val="0000FF"/>
                </a:solidFill>
              </a:rPr>
              <a:t>Memory:32GB</a:t>
            </a:r>
            <a:endParaRPr lang="zh-TW" altLang="en-US" dirty="0">
              <a:solidFill>
                <a:srgbClr val="0000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095147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2" y="199319"/>
            <a:ext cx="9652001" cy="353943"/>
          </a:xfrm>
        </p:spPr>
        <p:txBody>
          <a:bodyPr/>
          <a:lstStyle/>
          <a:p>
            <a:r>
              <a:rPr lang="en-US" altLang="ja-JP" dirty="0" smtClean="0"/>
              <a:t>DQN – compare with tree search algorithms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1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829801" cy="5038348"/>
          </a:xfrm>
        </p:spPr>
        <p:txBody>
          <a:bodyPr/>
          <a:lstStyle/>
          <a:p>
            <a:pPr>
              <a:buNone/>
            </a:pPr>
            <a:r>
              <a:rPr lang="en-US" altLang="zh-TW" sz="2200" b="1" dirty="0" smtClean="0"/>
              <a:t>Compare with basic tree search algorithms:</a:t>
            </a:r>
          </a:p>
          <a:p>
            <a:pPr>
              <a:buNone/>
            </a:pPr>
            <a:r>
              <a:rPr lang="en-US" altLang="ja-JP" sz="1800" dirty="0" smtClean="0"/>
              <a:t>-Depth first search</a:t>
            </a:r>
            <a:r>
              <a:rPr lang="zh-TW" altLang="en-US" sz="1800" dirty="0" smtClean="0"/>
              <a:t> </a:t>
            </a:r>
            <a:r>
              <a:rPr lang="en-US" altLang="zh-TW" sz="1800" dirty="0"/>
              <a:t>:</a:t>
            </a:r>
            <a:r>
              <a:rPr lang="en-US" altLang="zh-TW" sz="1800" dirty="0" smtClean="0"/>
              <a:t> Stuck when size &gt; 15x15</a:t>
            </a:r>
            <a:endParaRPr lang="en-US" altLang="ja-JP" sz="1800" dirty="0" smtClean="0"/>
          </a:p>
          <a:p>
            <a:pPr>
              <a:buNone/>
            </a:pPr>
            <a:r>
              <a:rPr lang="en-US" altLang="ja-JP" sz="1800" b="1" dirty="0" smtClean="0"/>
              <a:t>-</a:t>
            </a:r>
            <a:r>
              <a:rPr lang="en-US" altLang="ja-JP" sz="1800" dirty="0" smtClean="0"/>
              <a:t>Breadth first search:</a:t>
            </a:r>
            <a:r>
              <a:rPr lang="zh-TW" altLang="en-US" sz="1800" dirty="0" smtClean="0"/>
              <a:t> </a:t>
            </a:r>
            <a:r>
              <a:rPr lang="en-US" altLang="zh-TW" sz="1800" dirty="0" smtClean="0"/>
              <a:t>(Optimal guaranteed) : Stuck when size &gt; 20x20</a:t>
            </a:r>
            <a:endParaRPr lang="en-US" altLang="ja-JP" sz="1800" dirty="0" smtClean="0"/>
          </a:p>
          <a:p>
            <a:pPr>
              <a:buNone/>
            </a:pPr>
            <a:r>
              <a:rPr lang="en-US" altLang="ja-JP" sz="1800" dirty="0" smtClean="0"/>
              <a:t>-A</a:t>
            </a:r>
            <a:r>
              <a:rPr lang="zh-TW" altLang="en-US" sz="1800" dirty="0" smtClean="0"/>
              <a:t>*</a:t>
            </a:r>
            <a:r>
              <a:rPr lang="en-US" altLang="zh-TW" sz="1800" dirty="0"/>
              <a:t> (Optimal guaranteed</a:t>
            </a:r>
            <a:r>
              <a:rPr lang="en-US" altLang="zh-TW" sz="1800" dirty="0" smtClean="0"/>
              <a:t>) : Stuck when size &gt; 35x35</a:t>
            </a:r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lang="en-US" altLang="ja-JP" sz="1800" dirty="0" smtClean="0"/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lang="en-US" altLang="ja-JP" sz="2200" b="1" dirty="0" smtClean="0"/>
          </a:p>
          <a:p>
            <a:pPr>
              <a:buNone/>
            </a:pPr>
            <a:r>
              <a:rPr lang="en-US" altLang="ja-JP" sz="2200" b="1" dirty="0" smtClean="0"/>
              <a:t>Advanced </a:t>
            </a:r>
            <a:r>
              <a:rPr lang="en-US" altLang="ja-JP" sz="2200" b="1" dirty="0"/>
              <a:t>search algorithms for robot </a:t>
            </a:r>
            <a:r>
              <a:rPr lang="en-US" altLang="ja-JP" sz="2200" b="1" dirty="0" smtClean="0"/>
              <a:t>motion planning</a:t>
            </a:r>
            <a:endParaRPr lang="en-US" altLang="ja-JP" sz="2200" b="1" dirty="0"/>
          </a:p>
          <a:p>
            <a:pPr>
              <a:buNone/>
            </a:pPr>
            <a:r>
              <a:rPr lang="en-US" altLang="ja-JP" sz="1800" dirty="0" smtClean="0"/>
              <a:t>-HD*</a:t>
            </a:r>
          </a:p>
          <a:p>
            <a:pPr>
              <a:buNone/>
            </a:pPr>
            <a:r>
              <a:rPr lang="en-US" altLang="ja-JP" sz="1800" dirty="0" smtClean="0"/>
              <a:t>-RRT</a:t>
            </a:r>
          </a:p>
          <a:p>
            <a:pPr>
              <a:buNone/>
            </a:pPr>
            <a:r>
              <a:rPr lang="en-US" altLang="ja-JP" sz="1800" dirty="0" smtClean="0"/>
              <a:t>-…</a:t>
            </a:r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lang="en-US" altLang="ja-JP" sz="1800" dirty="0" smtClean="0"/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kumimoji="1" lang="ja-JP" altLang="en-US" sz="1800" dirty="0"/>
          </a:p>
        </p:txBody>
      </p:sp>
      <p:sp>
        <p:nvSpPr>
          <p:cNvPr id="6" name="テキスト ボックス 5"/>
          <p:cNvSpPr txBox="1"/>
          <p:nvPr/>
        </p:nvSpPr>
        <p:spPr>
          <a:xfrm>
            <a:off x="6757996" y="3374041"/>
            <a:ext cx="165003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/>
              <a:t>40x40 Maze</a:t>
            </a:r>
            <a:endParaRPr kumimoji="1" lang="ja-JP" altLang="en-US" dirty="0"/>
          </a:p>
        </p:txBody>
      </p:sp>
      <p:pic>
        <p:nvPicPr>
          <p:cNvPr id="10" name="図 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0646" y="2720025"/>
            <a:ext cx="1657350" cy="1677364"/>
          </a:xfrm>
          <a:prstGeom prst="rect">
            <a:avLst/>
          </a:prstGeom>
        </p:spPr>
      </p:pic>
      <p:pic>
        <p:nvPicPr>
          <p:cNvPr id="1026" name="Picture 2" descr="ãbinary treeãçåçæå°çµæ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620" r="746"/>
          <a:stretch/>
        </p:blipFill>
        <p:spPr bwMode="auto">
          <a:xfrm>
            <a:off x="1779005" y="2720025"/>
            <a:ext cx="2228486" cy="17129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ãRRTãçåçæå°çµæ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314" t="11531" r="6643" b="13785"/>
          <a:stretch/>
        </p:blipFill>
        <p:spPr bwMode="auto">
          <a:xfrm>
            <a:off x="3404418" y="4919705"/>
            <a:ext cx="1910531" cy="12898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153837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Improvement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2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zh-TW" sz="2400" b="1" dirty="0" smtClean="0"/>
              <a:t>Issue:</a:t>
            </a:r>
          </a:p>
          <a:p>
            <a:pPr>
              <a:buNone/>
            </a:pPr>
            <a:r>
              <a:rPr lang="en-US" altLang="ja-JP" sz="2400" dirty="0">
                <a:solidFill>
                  <a:srgbClr val="00B050"/>
                </a:solidFill>
              </a:rPr>
              <a:t>-Reduce input </a:t>
            </a:r>
            <a:r>
              <a:rPr lang="en-US" altLang="ja-JP" sz="2400" dirty="0">
                <a:solidFill>
                  <a:srgbClr val="00B050"/>
                </a:solidFill>
              </a:rPr>
              <a:t>s</a:t>
            </a:r>
            <a:r>
              <a:rPr lang="en-US" altLang="ja-JP" sz="2400" dirty="0" smtClean="0">
                <a:solidFill>
                  <a:srgbClr val="00B050"/>
                </a:solidFill>
              </a:rPr>
              <a:t>ize</a:t>
            </a:r>
            <a:endParaRPr lang="en-US" altLang="ja-JP" sz="2400" dirty="0">
              <a:solidFill>
                <a:srgbClr val="00B050"/>
              </a:solidFill>
            </a:endParaRPr>
          </a:p>
          <a:p>
            <a:pPr>
              <a:buNone/>
            </a:pPr>
            <a:r>
              <a:rPr lang="en-US" altLang="ja-JP" sz="2400" dirty="0">
                <a:solidFill>
                  <a:srgbClr val="00B050"/>
                </a:solidFill>
              </a:rPr>
              <a:t>-</a:t>
            </a:r>
            <a:r>
              <a:rPr lang="en-US" altLang="zh-TW" sz="2400" dirty="0">
                <a:solidFill>
                  <a:srgbClr val="00B050"/>
                </a:solidFill>
              </a:rPr>
              <a:t>Improve the p</a:t>
            </a:r>
            <a:r>
              <a:rPr lang="en-US" altLang="ja-JP" sz="2400" dirty="0">
                <a:solidFill>
                  <a:srgbClr val="00B050"/>
                </a:solidFill>
              </a:rPr>
              <a:t>erformance</a:t>
            </a:r>
          </a:p>
          <a:p>
            <a:pPr>
              <a:buNone/>
            </a:pPr>
            <a:r>
              <a:rPr lang="en-US" altLang="ja-JP" sz="2400" dirty="0" smtClean="0">
                <a:solidFill>
                  <a:srgbClr val="00B050"/>
                </a:solidFill>
              </a:rPr>
              <a:t>-Optimize </a:t>
            </a:r>
            <a:r>
              <a:rPr lang="en-US" altLang="ja-JP" sz="2400" dirty="0" smtClean="0">
                <a:solidFill>
                  <a:srgbClr val="00B050"/>
                </a:solidFill>
              </a:rPr>
              <a:t>the </a:t>
            </a:r>
            <a:r>
              <a:rPr lang="en-US" altLang="ja-JP" sz="2400" dirty="0" smtClean="0">
                <a:solidFill>
                  <a:srgbClr val="00B050"/>
                </a:solidFill>
              </a:rPr>
              <a:t>training model</a:t>
            </a:r>
          </a:p>
          <a:p>
            <a:pPr>
              <a:buNone/>
            </a:pPr>
            <a:r>
              <a:rPr lang="en-US" altLang="ja-JP" sz="2400" dirty="0" smtClean="0">
                <a:solidFill>
                  <a:srgbClr val="00B050"/>
                </a:solidFill>
              </a:rPr>
              <a:t>-Path Optimization</a:t>
            </a:r>
          </a:p>
          <a:p>
            <a:pPr>
              <a:buNone/>
            </a:pPr>
            <a:endParaRPr lang="en-US" altLang="ja-JP" sz="2400" dirty="0"/>
          </a:p>
          <a:p>
            <a:pPr>
              <a:buNone/>
            </a:pPr>
            <a:endParaRPr kumimoji="1" lang="ja-JP" altLang="en-US" sz="2400" dirty="0"/>
          </a:p>
        </p:txBody>
      </p:sp>
    </p:spTree>
    <p:extLst>
      <p:ext uri="{BB962C8B-B14F-4D97-AF65-F5344CB8AC3E}">
        <p14:creationId xmlns:p14="http://schemas.microsoft.com/office/powerpoint/2010/main" val="4866549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Improvement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>
          <a:xfrm>
            <a:off x="6598038" y="6471944"/>
            <a:ext cx="2057400" cy="365125"/>
          </a:xfrm>
        </p:spPr>
        <p:txBody>
          <a:bodyPr/>
          <a:lstStyle/>
          <a:p>
            <a:fld id="{80F554CA-2BEA-3E4B-997B-FC51848F792A}" type="slidenum">
              <a:rPr lang="ja-JP" altLang="en-US" smtClean="0"/>
              <a:pPr/>
              <a:t>13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ja-JP" sz="2800" dirty="0" smtClean="0">
                <a:solidFill>
                  <a:srgbClr val="00B050"/>
                </a:solidFill>
              </a:rPr>
              <a:t>1.Reduce Input </a:t>
            </a:r>
            <a:r>
              <a:rPr lang="en-US" altLang="ja-JP" sz="2800" dirty="0">
                <a:solidFill>
                  <a:srgbClr val="00B050"/>
                </a:solidFill>
              </a:rPr>
              <a:t>State </a:t>
            </a:r>
            <a:r>
              <a:rPr lang="en-US" altLang="ja-JP" sz="2800" dirty="0" smtClean="0">
                <a:solidFill>
                  <a:srgbClr val="00B050"/>
                </a:solidFill>
              </a:rPr>
              <a:t>Size</a:t>
            </a:r>
          </a:p>
          <a:p>
            <a:pPr>
              <a:buNone/>
            </a:pPr>
            <a:r>
              <a:rPr lang="en-US" altLang="ja-JP" sz="2000" dirty="0" smtClean="0"/>
              <a:t> -Current input state:</a:t>
            </a:r>
          </a:p>
          <a:p>
            <a:pPr>
              <a:buNone/>
            </a:pPr>
            <a:endParaRPr lang="en-US" altLang="ja-JP" sz="2000" dirty="0"/>
          </a:p>
          <a:p>
            <a:pPr>
              <a:buNone/>
            </a:pPr>
            <a:endParaRPr lang="en-US" altLang="ja-JP" sz="2000" dirty="0" smtClean="0"/>
          </a:p>
          <a:p>
            <a:pPr>
              <a:buNone/>
            </a:pPr>
            <a:endParaRPr lang="en-US" altLang="ja-JP" sz="2000" dirty="0" smtClean="0"/>
          </a:p>
          <a:p>
            <a:pPr>
              <a:buNone/>
            </a:pPr>
            <a:endParaRPr lang="en-US" altLang="ja-JP" sz="2000" dirty="0" smtClean="0"/>
          </a:p>
          <a:p>
            <a:pPr>
              <a:buNone/>
            </a:pPr>
            <a:r>
              <a:rPr lang="en-US" altLang="ja-JP" sz="2000" dirty="0" smtClean="0"/>
              <a:t> -Global visited map -&gt; Local Visited map </a:t>
            </a:r>
            <a:endParaRPr lang="en-US" altLang="ja-JP" sz="2000" dirty="0"/>
          </a:p>
          <a:p>
            <a:pPr>
              <a:buNone/>
            </a:pPr>
            <a:endParaRPr lang="en-US" altLang="ja-JP" sz="2400" dirty="0"/>
          </a:p>
          <a:p>
            <a:pPr>
              <a:buNone/>
            </a:pPr>
            <a:endParaRPr lang="en-US" altLang="ja-JP" sz="2400" dirty="0" smtClean="0"/>
          </a:p>
          <a:p>
            <a:pPr>
              <a:buNone/>
            </a:pPr>
            <a:endParaRPr lang="en-US" altLang="ja-JP" sz="2400" b="1" dirty="0"/>
          </a:p>
          <a:p>
            <a:pPr>
              <a:buNone/>
            </a:pPr>
            <a:endParaRPr kumimoji="1" lang="ja-JP" altLang="en-US" sz="2400" dirty="0"/>
          </a:p>
        </p:txBody>
      </p:sp>
      <p:grpSp>
        <p:nvGrpSpPr>
          <p:cNvPr id="18" name="グループ化 17"/>
          <p:cNvGrpSpPr/>
          <p:nvPr/>
        </p:nvGrpSpPr>
        <p:grpSpPr>
          <a:xfrm>
            <a:off x="6113067" y="2034321"/>
            <a:ext cx="1506013" cy="1502056"/>
            <a:chOff x="3714137" y="1918713"/>
            <a:chExt cx="1506013" cy="1502056"/>
          </a:xfrm>
        </p:grpSpPr>
        <p:pic>
          <p:nvPicPr>
            <p:cNvPr id="10" name="図 9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828" t="11575" r="19223" b="11089"/>
            <a:stretch/>
          </p:blipFill>
          <p:spPr>
            <a:xfrm>
              <a:off x="3842335" y="2063005"/>
              <a:ext cx="1281347" cy="1260763"/>
            </a:xfrm>
            <a:prstGeom prst="rect">
              <a:avLst/>
            </a:prstGeom>
          </p:spPr>
        </p:pic>
        <p:sp>
          <p:nvSpPr>
            <p:cNvPr id="12" name="楕円 11"/>
            <p:cNvSpPr/>
            <p:nvPr/>
          </p:nvSpPr>
          <p:spPr>
            <a:xfrm>
              <a:off x="3714137" y="1918713"/>
              <a:ext cx="1506013" cy="1502056"/>
            </a:xfrm>
            <a:prstGeom prst="ellipse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ja-JP" altLang="en-US"/>
            </a:p>
          </p:txBody>
        </p:sp>
      </p:grpSp>
      <p:grpSp>
        <p:nvGrpSpPr>
          <p:cNvPr id="17" name="グループ化 16"/>
          <p:cNvGrpSpPr/>
          <p:nvPr/>
        </p:nvGrpSpPr>
        <p:grpSpPr>
          <a:xfrm>
            <a:off x="3322975" y="2007264"/>
            <a:ext cx="1364477" cy="1392240"/>
            <a:chOff x="6402608" y="1855470"/>
            <a:chExt cx="1364477" cy="1392240"/>
          </a:xfrm>
        </p:grpSpPr>
        <p:pic>
          <p:nvPicPr>
            <p:cNvPr id="11" name="図 10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828" t="11575" r="19223" b="11089"/>
            <a:stretch/>
          </p:blipFill>
          <p:spPr>
            <a:xfrm>
              <a:off x="6402608" y="1986947"/>
              <a:ext cx="1281347" cy="1260763"/>
            </a:xfrm>
            <a:prstGeom prst="rect">
              <a:avLst/>
            </a:prstGeom>
          </p:spPr>
        </p:pic>
        <p:sp>
          <p:nvSpPr>
            <p:cNvPr id="13" name="楕円 12"/>
            <p:cNvSpPr/>
            <p:nvPr/>
          </p:nvSpPr>
          <p:spPr>
            <a:xfrm>
              <a:off x="7462095" y="1855470"/>
              <a:ext cx="304990" cy="371994"/>
            </a:xfrm>
            <a:prstGeom prst="ellipse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ja-JP" altLang="en-US"/>
            </a:p>
          </p:txBody>
        </p:sp>
      </p:grpSp>
      <p:grpSp>
        <p:nvGrpSpPr>
          <p:cNvPr id="20" name="グループ化 19"/>
          <p:cNvGrpSpPr/>
          <p:nvPr/>
        </p:nvGrpSpPr>
        <p:grpSpPr>
          <a:xfrm>
            <a:off x="415358" y="2034321"/>
            <a:ext cx="1398871" cy="1328996"/>
            <a:chOff x="1081258" y="1918713"/>
            <a:chExt cx="1398871" cy="1328996"/>
          </a:xfrm>
        </p:grpSpPr>
        <p:pic>
          <p:nvPicPr>
            <p:cNvPr id="3" name="図 2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828" t="11575" r="19223" b="11089"/>
            <a:stretch/>
          </p:blipFill>
          <p:spPr>
            <a:xfrm>
              <a:off x="1081258" y="1986946"/>
              <a:ext cx="1281347" cy="1260763"/>
            </a:xfrm>
            <a:prstGeom prst="rect">
              <a:avLst/>
            </a:prstGeom>
          </p:spPr>
        </p:pic>
        <p:sp>
          <p:nvSpPr>
            <p:cNvPr id="6" name="楕円 5"/>
            <p:cNvSpPr/>
            <p:nvPr/>
          </p:nvSpPr>
          <p:spPr>
            <a:xfrm>
              <a:off x="1798076" y="1918713"/>
              <a:ext cx="235527" cy="277091"/>
            </a:xfrm>
            <a:prstGeom prst="ellipse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ja-JP" altLang="en-US"/>
            </a:p>
          </p:txBody>
        </p:sp>
        <p:cxnSp>
          <p:nvCxnSpPr>
            <p:cNvPr id="15" name="直線コネクタ 14"/>
            <p:cNvCxnSpPr>
              <a:stCxn id="6" idx="6"/>
              <a:endCxn id="19" idx="1"/>
            </p:cNvCxnSpPr>
            <p:nvPr/>
          </p:nvCxnSpPr>
          <p:spPr>
            <a:xfrm>
              <a:off x="2033603" y="2057259"/>
              <a:ext cx="446526" cy="114353"/>
            </a:xfrm>
            <a:prstGeom prst="line">
              <a:avLst/>
            </a:prstGeom>
            <a:ln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9" name="テキスト ボックス 18"/>
          <p:cNvSpPr txBox="1"/>
          <p:nvPr/>
        </p:nvSpPr>
        <p:spPr>
          <a:xfrm>
            <a:off x="1814229" y="2102554"/>
            <a:ext cx="150874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Current </a:t>
            </a:r>
            <a:r>
              <a:rPr lang="en-US" altLang="ja-JP" dirty="0" err="1" smtClean="0">
                <a:solidFill>
                  <a:srgbClr val="FF0000"/>
                </a:solidFill>
              </a:rPr>
              <a:t>pos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cxnSp>
        <p:nvCxnSpPr>
          <p:cNvPr id="22" name="直線コネクタ 21"/>
          <p:cNvCxnSpPr>
            <a:stCxn id="13" idx="6"/>
          </p:cNvCxnSpPr>
          <p:nvPr/>
        </p:nvCxnSpPr>
        <p:spPr>
          <a:xfrm>
            <a:off x="4687452" y="2193261"/>
            <a:ext cx="300706" cy="93959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テキスト ボックス 24"/>
          <p:cNvSpPr txBox="1"/>
          <p:nvPr/>
        </p:nvSpPr>
        <p:spPr>
          <a:xfrm>
            <a:off x="4942430" y="2123459"/>
            <a:ext cx="115768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Goal </a:t>
            </a:r>
            <a:r>
              <a:rPr lang="en-US" altLang="ja-JP" dirty="0" err="1" smtClean="0">
                <a:solidFill>
                  <a:srgbClr val="FF0000"/>
                </a:solidFill>
              </a:rPr>
              <a:t>pos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30" name="テキスト ボックス 29"/>
          <p:cNvSpPr txBox="1"/>
          <p:nvPr/>
        </p:nvSpPr>
        <p:spPr>
          <a:xfrm>
            <a:off x="7716456" y="2499569"/>
            <a:ext cx="148630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Global </a:t>
            </a:r>
          </a:p>
          <a:p>
            <a:r>
              <a:rPr lang="en-US" altLang="ja-JP" dirty="0" smtClean="0">
                <a:solidFill>
                  <a:srgbClr val="FF0000"/>
                </a:solidFill>
              </a:rPr>
              <a:t>visited map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31" name="テキスト ボックス 30"/>
          <p:cNvSpPr txBox="1"/>
          <p:nvPr/>
        </p:nvSpPr>
        <p:spPr>
          <a:xfrm>
            <a:off x="2162377" y="2468274"/>
            <a:ext cx="55496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sz="3600" dirty="0" smtClean="0"/>
              <a:t>+</a:t>
            </a:r>
            <a:endParaRPr kumimoji="1" lang="ja-JP" altLang="en-US" sz="3600" dirty="0"/>
          </a:p>
        </p:txBody>
      </p:sp>
      <p:sp>
        <p:nvSpPr>
          <p:cNvPr id="32" name="テキスト ボックス 31"/>
          <p:cNvSpPr txBox="1"/>
          <p:nvPr/>
        </p:nvSpPr>
        <p:spPr>
          <a:xfrm>
            <a:off x="5209960" y="2445956"/>
            <a:ext cx="55496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sz="3600" dirty="0" smtClean="0"/>
              <a:t>+</a:t>
            </a:r>
            <a:endParaRPr kumimoji="1" lang="ja-JP" altLang="en-US" sz="3600" dirty="0"/>
          </a:p>
        </p:txBody>
      </p:sp>
      <p:sp>
        <p:nvSpPr>
          <p:cNvPr id="38" name="右矢印 37"/>
          <p:cNvSpPr/>
          <p:nvPr/>
        </p:nvSpPr>
        <p:spPr>
          <a:xfrm>
            <a:off x="3786393" y="4950655"/>
            <a:ext cx="1108364" cy="263265"/>
          </a:xfrm>
          <a:prstGeom prst="rightArrow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grpSp>
        <p:nvGrpSpPr>
          <p:cNvPr id="42" name="グループ化 41"/>
          <p:cNvGrpSpPr/>
          <p:nvPr/>
        </p:nvGrpSpPr>
        <p:grpSpPr>
          <a:xfrm>
            <a:off x="939874" y="4289769"/>
            <a:ext cx="1506013" cy="1502056"/>
            <a:chOff x="3714137" y="1918713"/>
            <a:chExt cx="1506013" cy="1502056"/>
          </a:xfrm>
        </p:grpSpPr>
        <p:pic>
          <p:nvPicPr>
            <p:cNvPr id="43" name="図 42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828" t="11575" r="19223" b="11089"/>
            <a:stretch/>
          </p:blipFill>
          <p:spPr>
            <a:xfrm>
              <a:off x="3842335" y="2063005"/>
              <a:ext cx="1281347" cy="1260763"/>
            </a:xfrm>
            <a:prstGeom prst="rect">
              <a:avLst/>
            </a:prstGeom>
          </p:spPr>
        </p:pic>
        <p:sp>
          <p:nvSpPr>
            <p:cNvPr id="44" name="楕円 43"/>
            <p:cNvSpPr/>
            <p:nvPr/>
          </p:nvSpPr>
          <p:spPr>
            <a:xfrm>
              <a:off x="3714137" y="1918713"/>
              <a:ext cx="1506013" cy="1502056"/>
            </a:xfrm>
            <a:prstGeom prst="ellipse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ja-JP" altLang="en-US"/>
            </a:p>
          </p:txBody>
        </p:sp>
      </p:grpSp>
      <p:sp>
        <p:nvSpPr>
          <p:cNvPr id="45" name="テキスト ボックス 44"/>
          <p:cNvSpPr txBox="1"/>
          <p:nvPr/>
        </p:nvSpPr>
        <p:spPr>
          <a:xfrm>
            <a:off x="2465450" y="4759121"/>
            <a:ext cx="148630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Global </a:t>
            </a:r>
          </a:p>
          <a:p>
            <a:r>
              <a:rPr lang="en-US" altLang="ja-JP" dirty="0" smtClean="0">
                <a:solidFill>
                  <a:srgbClr val="FF0000"/>
                </a:solidFill>
              </a:rPr>
              <a:t>visited map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grpSp>
        <p:nvGrpSpPr>
          <p:cNvPr id="46" name="グループ化 45"/>
          <p:cNvGrpSpPr/>
          <p:nvPr/>
        </p:nvGrpSpPr>
        <p:grpSpPr>
          <a:xfrm>
            <a:off x="5338158" y="4335350"/>
            <a:ext cx="1281347" cy="1467017"/>
            <a:chOff x="3842335" y="1856751"/>
            <a:chExt cx="1281347" cy="1467017"/>
          </a:xfrm>
        </p:grpSpPr>
        <p:pic>
          <p:nvPicPr>
            <p:cNvPr id="47" name="図 46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828" t="11575" r="19223" b="11089"/>
            <a:stretch/>
          </p:blipFill>
          <p:spPr>
            <a:xfrm>
              <a:off x="3842335" y="2063005"/>
              <a:ext cx="1281347" cy="1260763"/>
            </a:xfrm>
            <a:prstGeom prst="rect">
              <a:avLst/>
            </a:prstGeom>
          </p:spPr>
        </p:pic>
        <p:sp>
          <p:nvSpPr>
            <p:cNvPr id="48" name="楕円 47"/>
            <p:cNvSpPr/>
            <p:nvPr/>
          </p:nvSpPr>
          <p:spPr>
            <a:xfrm>
              <a:off x="4330700" y="1856751"/>
              <a:ext cx="606267" cy="553343"/>
            </a:xfrm>
            <a:prstGeom prst="ellipse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ja-JP" altLang="en-US"/>
            </a:p>
          </p:txBody>
        </p:sp>
      </p:grpSp>
      <p:sp>
        <p:nvSpPr>
          <p:cNvPr id="49" name="テキスト ボックス 48"/>
          <p:cNvSpPr txBox="1"/>
          <p:nvPr/>
        </p:nvSpPr>
        <p:spPr>
          <a:xfrm>
            <a:off x="7169134" y="4850979"/>
            <a:ext cx="148630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Local</a:t>
            </a:r>
          </a:p>
          <a:p>
            <a:r>
              <a:rPr lang="en-US" altLang="ja-JP" dirty="0" smtClean="0">
                <a:solidFill>
                  <a:srgbClr val="FF0000"/>
                </a:solidFill>
              </a:rPr>
              <a:t>visited map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cxnSp>
        <p:nvCxnSpPr>
          <p:cNvPr id="50" name="直線コネクタ 49"/>
          <p:cNvCxnSpPr>
            <a:stCxn id="48" idx="6"/>
            <a:endCxn id="49" idx="1"/>
          </p:cNvCxnSpPr>
          <p:nvPr/>
        </p:nvCxnSpPr>
        <p:spPr>
          <a:xfrm>
            <a:off x="6432790" y="4612022"/>
            <a:ext cx="736344" cy="562123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テキスト ボックス 52"/>
          <p:cNvSpPr txBox="1"/>
          <p:nvPr/>
        </p:nvSpPr>
        <p:spPr>
          <a:xfrm>
            <a:off x="3818574" y="5908204"/>
            <a:ext cx="506209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/>
              <a:t> </a:t>
            </a:r>
            <a:r>
              <a:rPr lang="en-US" altLang="ja-JP" b="1" dirty="0" smtClean="0">
                <a:solidFill>
                  <a:srgbClr val="FF0000"/>
                </a:solidFill>
              </a:rPr>
              <a:t>W</a:t>
            </a:r>
            <a:r>
              <a:rPr kumimoji="1" lang="en-US" altLang="ja-JP" b="1" dirty="0" smtClean="0">
                <a:solidFill>
                  <a:srgbClr val="FF0000"/>
                </a:solidFill>
              </a:rPr>
              <a:t>in rate stuck in ~30% in 40x40 maze</a:t>
            </a:r>
          </a:p>
          <a:p>
            <a:r>
              <a:rPr lang="en-US" altLang="ja-JP" dirty="0" smtClean="0"/>
              <a:t>    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17132881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Improvement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4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ja-JP" sz="2800" dirty="0" smtClean="0">
                <a:solidFill>
                  <a:srgbClr val="00B050"/>
                </a:solidFill>
              </a:rPr>
              <a:t>2.Improve the performance</a:t>
            </a:r>
            <a:endParaRPr lang="en-US" altLang="ja-JP" sz="2800" dirty="0">
              <a:solidFill>
                <a:srgbClr val="00B050"/>
              </a:solidFill>
            </a:endParaRPr>
          </a:p>
          <a:p>
            <a:pPr>
              <a:buNone/>
            </a:pPr>
            <a:r>
              <a:rPr lang="en-US" altLang="ja-JP" sz="2000" b="1" dirty="0" smtClean="0">
                <a:solidFill>
                  <a:schemeClr val="tx1"/>
                </a:solidFill>
              </a:rPr>
              <a:t>Double DQN</a:t>
            </a:r>
            <a:endParaRPr lang="en-US" altLang="ja-JP" sz="2000" b="1" dirty="0">
              <a:solidFill>
                <a:schemeClr val="tx1"/>
              </a:solidFill>
            </a:endParaRPr>
          </a:p>
          <a:p>
            <a:pPr>
              <a:buNone/>
            </a:pPr>
            <a:endParaRPr lang="en-US" altLang="ja-JP" sz="2000" b="1" dirty="0" smtClean="0">
              <a:solidFill>
                <a:schemeClr val="tx1"/>
              </a:solidFill>
            </a:endParaRPr>
          </a:p>
          <a:p>
            <a:pPr>
              <a:buNone/>
            </a:pPr>
            <a:endParaRPr lang="en-US" altLang="ja-JP" sz="2000" b="1" dirty="0" smtClean="0">
              <a:solidFill>
                <a:schemeClr val="tx1"/>
              </a:solidFill>
            </a:endParaRPr>
          </a:p>
          <a:p>
            <a:pPr>
              <a:buNone/>
            </a:pPr>
            <a:endParaRPr lang="en-US" altLang="ja-JP" sz="2000" b="1" dirty="0" smtClean="0">
              <a:solidFill>
                <a:schemeClr val="tx1"/>
              </a:solidFill>
            </a:endParaRPr>
          </a:p>
          <a:p>
            <a:pPr>
              <a:buNone/>
            </a:pPr>
            <a:r>
              <a:rPr lang="en-US" altLang="ja-JP" sz="2000" b="1" dirty="0" smtClean="0">
                <a:solidFill>
                  <a:schemeClr val="tx1"/>
                </a:solidFill>
              </a:rPr>
              <a:t>Dueling </a:t>
            </a:r>
            <a:r>
              <a:rPr lang="en-US" altLang="ja-JP" sz="2000" b="1" dirty="0" smtClean="0">
                <a:solidFill>
                  <a:schemeClr val="tx1"/>
                </a:solidFill>
              </a:rPr>
              <a:t>DQN</a:t>
            </a:r>
            <a:endParaRPr lang="en-US" altLang="ja-JP" sz="2400" b="1" dirty="0">
              <a:solidFill>
                <a:schemeClr val="tx1"/>
              </a:solidFill>
            </a:endParaRPr>
          </a:p>
          <a:p>
            <a:pPr>
              <a:buNone/>
            </a:pPr>
            <a:endParaRPr lang="en-US" altLang="ja-JP" sz="2400" dirty="0" smtClean="0"/>
          </a:p>
          <a:p>
            <a:pPr>
              <a:buNone/>
            </a:pPr>
            <a:endParaRPr lang="en-US" altLang="ja-JP" sz="2400" dirty="0"/>
          </a:p>
          <a:p>
            <a:pPr>
              <a:buNone/>
            </a:pPr>
            <a:endParaRPr kumimoji="1" lang="ja-JP" altLang="en-US" sz="2400" dirty="0"/>
          </a:p>
        </p:txBody>
      </p:sp>
      <p:pic>
        <p:nvPicPr>
          <p:cNvPr id="3074" name="Picture 2" descr="Double DQN (Tensorflow)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0549" y="2022128"/>
            <a:ext cx="4547528" cy="6028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https://morvanzhou.github.io/static/results/reinforcement-learning/4-5-2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0549" y="2751896"/>
            <a:ext cx="6482478" cy="626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8" name="Picture 6" descr="ãduel dqnãçåçæå°çµæ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698" t="11813" r="10526" b="6851"/>
          <a:stretch/>
        </p:blipFill>
        <p:spPr bwMode="auto">
          <a:xfrm>
            <a:off x="879019" y="3772803"/>
            <a:ext cx="4212243" cy="2356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0" name="Picture 8" descr="ãduel dqnãçåçæå°çµæ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60" t="71789" r="9360" b="14873"/>
          <a:stretch/>
        </p:blipFill>
        <p:spPr bwMode="auto">
          <a:xfrm>
            <a:off x="5199647" y="4353937"/>
            <a:ext cx="3944351" cy="533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テキスト ボックス 8"/>
          <p:cNvSpPr txBox="1"/>
          <p:nvPr/>
        </p:nvSpPr>
        <p:spPr>
          <a:xfrm>
            <a:off x="5674024" y="2245919"/>
            <a:ext cx="1952714" cy="36933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:~94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0" name="テキスト ボックス 9"/>
          <p:cNvSpPr txBox="1"/>
          <p:nvPr/>
        </p:nvSpPr>
        <p:spPr>
          <a:xfrm>
            <a:off x="5816689" y="5160920"/>
            <a:ext cx="1952714" cy="36933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:~</a:t>
            </a:r>
            <a:r>
              <a:rPr lang="en-US" altLang="ja-JP" dirty="0" smtClean="0">
                <a:solidFill>
                  <a:srgbClr val="FF0000"/>
                </a:solidFill>
              </a:rPr>
              <a:t>60</a:t>
            </a:r>
            <a:r>
              <a:rPr kumimoji="1" lang="en-US" altLang="ja-JP" dirty="0" smtClean="0">
                <a:solidFill>
                  <a:srgbClr val="FF0000"/>
                </a:solidFill>
              </a:rPr>
              <a:t>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312166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Improvement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5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zh-TW" sz="2800" dirty="0" smtClean="0">
                <a:solidFill>
                  <a:srgbClr val="00B050"/>
                </a:solidFill>
              </a:rPr>
              <a:t>3.Optimize the training model</a:t>
            </a:r>
            <a:endParaRPr lang="en-US" altLang="ja-JP" sz="2800" dirty="0">
              <a:solidFill>
                <a:srgbClr val="00B050"/>
              </a:solidFill>
            </a:endParaRPr>
          </a:p>
          <a:p>
            <a:pPr>
              <a:buNone/>
            </a:pPr>
            <a:r>
              <a:rPr lang="en-US" altLang="ja-JP" sz="2000" dirty="0" smtClean="0"/>
              <a:t>Network structure:</a:t>
            </a:r>
          </a:p>
          <a:p>
            <a:pPr>
              <a:buNone/>
            </a:pPr>
            <a:r>
              <a:rPr lang="en-US" altLang="ja-JP" sz="2000" b="1" dirty="0" smtClean="0">
                <a:solidFill>
                  <a:schemeClr val="tx1"/>
                </a:solidFill>
              </a:rPr>
              <a:t>Fully-connected </a:t>
            </a:r>
          </a:p>
          <a:p>
            <a:pPr>
              <a:buNone/>
            </a:pPr>
            <a:r>
              <a:rPr lang="en-US" altLang="ja-JP" sz="1800" dirty="0" smtClean="0"/>
              <a:t>1.Breadth</a:t>
            </a:r>
          </a:p>
          <a:p>
            <a:pPr>
              <a:buNone/>
            </a:pPr>
            <a:endParaRPr lang="en-US" altLang="ja-JP" sz="2000" dirty="0" smtClean="0"/>
          </a:p>
          <a:p>
            <a:pPr>
              <a:buNone/>
            </a:pPr>
            <a:endParaRPr lang="en-US" altLang="ja-JP" sz="2000" dirty="0" smtClean="0"/>
          </a:p>
          <a:p>
            <a:pPr>
              <a:buNone/>
            </a:pPr>
            <a:r>
              <a:rPr lang="en-US" altLang="ja-JP" sz="1800" dirty="0" smtClean="0"/>
              <a:t>2.Depth</a:t>
            </a:r>
          </a:p>
          <a:p>
            <a:pPr>
              <a:buNone/>
            </a:pPr>
            <a:r>
              <a:rPr lang="en-US" altLang="ja-JP" sz="2000" b="1" dirty="0" smtClean="0">
                <a:solidFill>
                  <a:schemeClr val="tx1"/>
                </a:solidFill>
              </a:rPr>
              <a:t>Convolutional</a:t>
            </a:r>
          </a:p>
          <a:p>
            <a:pPr>
              <a:buNone/>
            </a:pPr>
            <a:r>
              <a:rPr lang="en-US" altLang="ja-JP" sz="1800" dirty="0" smtClean="0"/>
              <a:t>1.Normal CNN</a:t>
            </a:r>
          </a:p>
          <a:p>
            <a:pPr>
              <a:buNone/>
            </a:pPr>
            <a:endParaRPr lang="en-US" altLang="ja-JP" sz="1800" dirty="0" smtClean="0"/>
          </a:p>
          <a:p>
            <a:pPr>
              <a:buNone/>
            </a:pPr>
            <a:r>
              <a:rPr lang="en-US" altLang="ja-JP" sz="1800" dirty="0" smtClean="0"/>
              <a:t>2.Residual </a:t>
            </a:r>
            <a:r>
              <a:rPr lang="en-US" altLang="ja-JP" sz="1800" dirty="0" smtClean="0"/>
              <a:t>CNN</a:t>
            </a:r>
            <a:endParaRPr lang="en-US" altLang="ja-JP" sz="2000" dirty="0"/>
          </a:p>
          <a:p>
            <a:pPr>
              <a:buNone/>
            </a:pPr>
            <a:endParaRPr lang="en-US" altLang="ja-JP" sz="2400" dirty="0" smtClean="0"/>
          </a:p>
          <a:p>
            <a:pPr>
              <a:buNone/>
            </a:pPr>
            <a:endParaRPr lang="en-US" altLang="ja-JP" sz="2400" dirty="0"/>
          </a:p>
          <a:p>
            <a:pPr>
              <a:buNone/>
            </a:pPr>
            <a:endParaRPr kumimoji="1" lang="ja-JP" altLang="en-US" sz="2400" dirty="0"/>
          </a:p>
        </p:txBody>
      </p:sp>
      <p:sp>
        <p:nvSpPr>
          <p:cNvPr id="19" name="角丸四角形 18"/>
          <p:cNvSpPr/>
          <p:nvPr/>
        </p:nvSpPr>
        <p:spPr>
          <a:xfrm>
            <a:off x="2221903" y="3644787"/>
            <a:ext cx="885824" cy="458241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dirty="0" smtClean="0"/>
              <a:t>Input </a:t>
            </a:r>
            <a:endParaRPr kumimoji="1" lang="ja-JP" altLang="en-US" dirty="0"/>
          </a:p>
        </p:txBody>
      </p:sp>
      <p:sp>
        <p:nvSpPr>
          <p:cNvPr id="20" name="角丸四角形 19"/>
          <p:cNvSpPr/>
          <p:nvPr/>
        </p:nvSpPr>
        <p:spPr>
          <a:xfrm>
            <a:off x="3422250" y="3433399"/>
            <a:ext cx="754259" cy="899072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sz="1400" dirty="0" smtClean="0"/>
              <a:t>FC Layer </a:t>
            </a:r>
            <a:endParaRPr kumimoji="1" lang="ja-JP" altLang="en-US" sz="1400" dirty="0"/>
          </a:p>
        </p:txBody>
      </p:sp>
      <p:sp>
        <p:nvSpPr>
          <p:cNvPr id="24" name="角丸四角形 23"/>
          <p:cNvSpPr/>
          <p:nvPr/>
        </p:nvSpPr>
        <p:spPr>
          <a:xfrm>
            <a:off x="5946292" y="3693724"/>
            <a:ext cx="999977" cy="458241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dirty="0" smtClean="0"/>
              <a:t>Output</a:t>
            </a:r>
            <a:endParaRPr kumimoji="1" lang="ja-JP" altLang="en-US" dirty="0"/>
          </a:p>
        </p:txBody>
      </p:sp>
      <p:sp>
        <p:nvSpPr>
          <p:cNvPr id="25" name="角丸四角形 24"/>
          <p:cNvSpPr/>
          <p:nvPr/>
        </p:nvSpPr>
        <p:spPr>
          <a:xfrm>
            <a:off x="2281122" y="2525118"/>
            <a:ext cx="885824" cy="458241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dirty="0" smtClean="0"/>
              <a:t>Input </a:t>
            </a:r>
            <a:endParaRPr kumimoji="1" lang="ja-JP" altLang="en-US" dirty="0"/>
          </a:p>
        </p:txBody>
      </p:sp>
      <p:sp>
        <p:nvSpPr>
          <p:cNvPr id="26" name="角丸四角形 25"/>
          <p:cNvSpPr/>
          <p:nvPr/>
        </p:nvSpPr>
        <p:spPr>
          <a:xfrm>
            <a:off x="3392977" y="1913428"/>
            <a:ext cx="754259" cy="1405451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sz="1400" dirty="0" smtClean="0"/>
              <a:t>FC Layer </a:t>
            </a:r>
            <a:endParaRPr kumimoji="1" lang="ja-JP" altLang="en-US" sz="1400" dirty="0"/>
          </a:p>
        </p:txBody>
      </p:sp>
      <p:sp>
        <p:nvSpPr>
          <p:cNvPr id="28" name="角丸四角形 27"/>
          <p:cNvSpPr/>
          <p:nvPr/>
        </p:nvSpPr>
        <p:spPr>
          <a:xfrm>
            <a:off x="4398872" y="2522936"/>
            <a:ext cx="999977" cy="458241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dirty="0" smtClean="0"/>
              <a:t>Output</a:t>
            </a:r>
            <a:endParaRPr kumimoji="1" lang="ja-JP" altLang="en-US" dirty="0"/>
          </a:p>
        </p:txBody>
      </p:sp>
      <p:cxnSp>
        <p:nvCxnSpPr>
          <p:cNvPr id="35" name="直線コネクタ 34"/>
          <p:cNvCxnSpPr>
            <a:stCxn id="25" idx="3"/>
          </p:cNvCxnSpPr>
          <p:nvPr/>
        </p:nvCxnSpPr>
        <p:spPr>
          <a:xfrm flipV="1">
            <a:off x="3166946" y="2260600"/>
            <a:ext cx="226031" cy="493639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6" name="直線コネクタ 35"/>
          <p:cNvCxnSpPr>
            <a:stCxn id="25" idx="3"/>
            <a:endCxn id="26" idx="1"/>
          </p:cNvCxnSpPr>
          <p:nvPr/>
        </p:nvCxnSpPr>
        <p:spPr>
          <a:xfrm flipV="1">
            <a:off x="3166946" y="2616154"/>
            <a:ext cx="226031" cy="138085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8" name="直線コネクタ 37"/>
          <p:cNvCxnSpPr>
            <a:stCxn id="25" idx="3"/>
          </p:cNvCxnSpPr>
          <p:nvPr/>
        </p:nvCxnSpPr>
        <p:spPr>
          <a:xfrm flipV="1">
            <a:off x="3166946" y="2752056"/>
            <a:ext cx="189215" cy="2183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0" name="直線コネクタ 39"/>
          <p:cNvCxnSpPr/>
          <p:nvPr/>
        </p:nvCxnSpPr>
        <p:spPr>
          <a:xfrm>
            <a:off x="3166946" y="2754239"/>
            <a:ext cx="226031" cy="344561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6" name="直線コネクタ 45"/>
          <p:cNvCxnSpPr>
            <a:stCxn id="28" idx="1"/>
          </p:cNvCxnSpPr>
          <p:nvPr/>
        </p:nvCxnSpPr>
        <p:spPr>
          <a:xfrm flipH="1" flipV="1">
            <a:off x="4147236" y="2260600"/>
            <a:ext cx="251636" cy="491457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9" name="直線コネクタ 48"/>
          <p:cNvCxnSpPr>
            <a:endCxn id="28" idx="1"/>
          </p:cNvCxnSpPr>
          <p:nvPr/>
        </p:nvCxnSpPr>
        <p:spPr>
          <a:xfrm flipV="1">
            <a:off x="4190898" y="2752057"/>
            <a:ext cx="207974" cy="32748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1" name="直線コネクタ 50"/>
          <p:cNvCxnSpPr>
            <a:stCxn id="26" idx="3"/>
            <a:endCxn id="28" idx="1"/>
          </p:cNvCxnSpPr>
          <p:nvPr/>
        </p:nvCxnSpPr>
        <p:spPr>
          <a:xfrm>
            <a:off x="4147236" y="2616154"/>
            <a:ext cx="251636" cy="135903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5" name="直線コネクタ 54"/>
          <p:cNvCxnSpPr>
            <a:endCxn id="28" idx="1"/>
          </p:cNvCxnSpPr>
          <p:nvPr/>
        </p:nvCxnSpPr>
        <p:spPr>
          <a:xfrm flipV="1">
            <a:off x="4110420" y="2752057"/>
            <a:ext cx="288452" cy="292565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8" name="直線コネクタ 57"/>
          <p:cNvCxnSpPr/>
          <p:nvPr/>
        </p:nvCxnSpPr>
        <p:spPr>
          <a:xfrm flipV="1">
            <a:off x="3091898" y="3632570"/>
            <a:ext cx="337581" cy="227599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9" name="直線コネクタ 58"/>
          <p:cNvCxnSpPr/>
          <p:nvPr/>
        </p:nvCxnSpPr>
        <p:spPr>
          <a:xfrm flipV="1">
            <a:off x="3091898" y="3760228"/>
            <a:ext cx="329678" cy="99941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0" name="直線コネクタ 59"/>
          <p:cNvCxnSpPr/>
          <p:nvPr/>
        </p:nvCxnSpPr>
        <p:spPr>
          <a:xfrm>
            <a:off x="3091898" y="3860169"/>
            <a:ext cx="290017" cy="45292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1" name="直線コネクタ 60"/>
          <p:cNvCxnSpPr/>
          <p:nvPr/>
        </p:nvCxnSpPr>
        <p:spPr>
          <a:xfrm>
            <a:off x="3091898" y="3860168"/>
            <a:ext cx="337581" cy="192565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3" name="直線コネクタ 82"/>
          <p:cNvCxnSpPr/>
          <p:nvPr/>
        </p:nvCxnSpPr>
        <p:spPr>
          <a:xfrm>
            <a:off x="4147236" y="3639468"/>
            <a:ext cx="343796" cy="274635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7" name="直線コネクタ 86"/>
          <p:cNvCxnSpPr>
            <a:stCxn id="20" idx="3"/>
          </p:cNvCxnSpPr>
          <p:nvPr/>
        </p:nvCxnSpPr>
        <p:spPr>
          <a:xfrm>
            <a:off x="4176509" y="3882935"/>
            <a:ext cx="330352" cy="41512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0" name="直線コネクタ 89"/>
          <p:cNvCxnSpPr/>
          <p:nvPr/>
        </p:nvCxnSpPr>
        <p:spPr>
          <a:xfrm flipV="1">
            <a:off x="4176509" y="3941749"/>
            <a:ext cx="314523" cy="127913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4" name="直線コネクタ 93"/>
          <p:cNvCxnSpPr/>
          <p:nvPr/>
        </p:nvCxnSpPr>
        <p:spPr>
          <a:xfrm>
            <a:off x="4147236" y="3771697"/>
            <a:ext cx="343796" cy="142406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09" name="テキスト ボックス 108"/>
          <p:cNvSpPr txBox="1"/>
          <p:nvPr/>
        </p:nvSpPr>
        <p:spPr>
          <a:xfrm>
            <a:off x="4433037" y="3675264"/>
            <a:ext cx="49244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sz="2400" dirty="0" smtClean="0"/>
              <a:t>…</a:t>
            </a:r>
            <a:endParaRPr kumimoji="1" lang="ja-JP" altLang="en-US" sz="2400" dirty="0"/>
          </a:p>
        </p:txBody>
      </p:sp>
      <p:sp>
        <p:nvSpPr>
          <p:cNvPr id="115" name="角丸四角形 114"/>
          <p:cNvSpPr/>
          <p:nvPr/>
        </p:nvSpPr>
        <p:spPr>
          <a:xfrm>
            <a:off x="4880177" y="3450783"/>
            <a:ext cx="754259" cy="899072"/>
          </a:xfrm>
          <a:prstGeom prst="round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kumimoji="1" lang="en-US" altLang="ja-JP" sz="1400" dirty="0" smtClean="0"/>
              <a:t>FC Layer </a:t>
            </a:r>
            <a:endParaRPr kumimoji="1" lang="ja-JP" altLang="en-US" sz="1400" dirty="0"/>
          </a:p>
        </p:txBody>
      </p:sp>
      <p:cxnSp>
        <p:nvCxnSpPr>
          <p:cNvPr id="116" name="直線コネクタ 115"/>
          <p:cNvCxnSpPr/>
          <p:nvPr/>
        </p:nvCxnSpPr>
        <p:spPr>
          <a:xfrm>
            <a:off x="5605163" y="3656852"/>
            <a:ext cx="343796" cy="274635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7" name="直線コネクタ 116"/>
          <p:cNvCxnSpPr>
            <a:stCxn id="115" idx="3"/>
          </p:cNvCxnSpPr>
          <p:nvPr/>
        </p:nvCxnSpPr>
        <p:spPr>
          <a:xfrm>
            <a:off x="5634436" y="3900319"/>
            <a:ext cx="330352" cy="41512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8" name="直線コネクタ 117"/>
          <p:cNvCxnSpPr/>
          <p:nvPr/>
        </p:nvCxnSpPr>
        <p:spPr>
          <a:xfrm flipV="1">
            <a:off x="5634436" y="3959134"/>
            <a:ext cx="314523" cy="127913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9" name="直線コネクタ 118"/>
          <p:cNvCxnSpPr/>
          <p:nvPr/>
        </p:nvCxnSpPr>
        <p:spPr>
          <a:xfrm>
            <a:off x="5605163" y="3789081"/>
            <a:ext cx="343796" cy="142406"/>
          </a:xfrm>
          <a:prstGeom prst="line">
            <a:avLst/>
          </a:prstGeom>
          <a:ln w="127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25" name="テキスト ボックス 124"/>
          <p:cNvSpPr txBox="1"/>
          <p:nvPr/>
        </p:nvSpPr>
        <p:spPr>
          <a:xfrm>
            <a:off x="4176509" y="1898473"/>
            <a:ext cx="31420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0070C0"/>
                </a:solidFill>
              </a:rPr>
              <a:t>4800(</a:t>
            </a:r>
            <a:r>
              <a:rPr lang="en-US" altLang="ja-JP" dirty="0" err="1" smtClean="0">
                <a:solidFill>
                  <a:srgbClr val="0070C0"/>
                </a:solidFill>
              </a:rPr>
              <a:t>Nueron</a:t>
            </a:r>
            <a:r>
              <a:rPr lang="en-US" altLang="ja-JP" dirty="0" smtClean="0">
                <a:solidFill>
                  <a:srgbClr val="0070C0"/>
                </a:solidFill>
              </a:rPr>
              <a:t>) x 1(Layer)</a:t>
            </a:r>
            <a:endParaRPr kumimoji="1" lang="ja-JP" altLang="en-US" dirty="0">
              <a:solidFill>
                <a:srgbClr val="0070C0"/>
              </a:solidFill>
            </a:endParaRPr>
          </a:p>
        </p:txBody>
      </p:sp>
      <p:sp>
        <p:nvSpPr>
          <p:cNvPr id="126" name="テキスト ボックス 125"/>
          <p:cNvSpPr txBox="1"/>
          <p:nvPr/>
        </p:nvSpPr>
        <p:spPr>
          <a:xfrm>
            <a:off x="5634436" y="3208013"/>
            <a:ext cx="28839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dirty="0" smtClean="0">
                <a:solidFill>
                  <a:srgbClr val="0070C0"/>
                </a:solidFill>
              </a:rPr>
              <a:t>600(</a:t>
            </a:r>
            <a:r>
              <a:rPr lang="en-US" altLang="ja-JP" dirty="0" err="1" smtClean="0">
                <a:solidFill>
                  <a:srgbClr val="0070C0"/>
                </a:solidFill>
              </a:rPr>
              <a:t>Nueron</a:t>
            </a:r>
            <a:r>
              <a:rPr lang="en-US" altLang="ja-JP" dirty="0" smtClean="0">
                <a:solidFill>
                  <a:srgbClr val="0070C0"/>
                </a:solidFill>
              </a:rPr>
              <a:t>) x 8(Layer)</a:t>
            </a:r>
            <a:endParaRPr kumimoji="1" lang="ja-JP" altLang="en-US" dirty="0">
              <a:solidFill>
                <a:srgbClr val="0070C0"/>
              </a:solidFill>
            </a:endParaRPr>
          </a:p>
        </p:txBody>
      </p:sp>
      <p:sp>
        <p:nvSpPr>
          <p:cNvPr id="127" name="テキスト ボックス 126"/>
          <p:cNvSpPr txBox="1"/>
          <p:nvPr/>
        </p:nvSpPr>
        <p:spPr>
          <a:xfrm>
            <a:off x="5566707" y="2536070"/>
            <a:ext cx="1952714" cy="36933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:~98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28" name="テキスト ボックス 127"/>
          <p:cNvSpPr txBox="1"/>
          <p:nvPr/>
        </p:nvSpPr>
        <p:spPr>
          <a:xfrm>
            <a:off x="7004309" y="3760228"/>
            <a:ext cx="1952714" cy="36933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</a:t>
            </a:r>
            <a:r>
              <a:rPr kumimoji="1" lang="en-US" altLang="ja-JP" smtClean="0">
                <a:solidFill>
                  <a:srgbClr val="FF0000"/>
                </a:solidFill>
              </a:rPr>
              <a:t>:~50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29" name="テキスト ボックス 128"/>
          <p:cNvSpPr txBox="1"/>
          <p:nvPr/>
        </p:nvSpPr>
        <p:spPr>
          <a:xfrm>
            <a:off x="2668298" y="4667019"/>
            <a:ext cx="1952714" cy="36933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:~40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30" name="テキスト ボックス 129"/>
          <p:cNvSpPr txBox="1"/>
          <p:nvPr/>
        </p:nvSpPr>
        <p:spPr>
          <a:xfrm>
            <a:off x="2664815" y="5465090"/>
            <a:ext cx="1952714" cy="36933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Win rate:~60%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31" name="右中かっこ 130"/>
          <p:cNvSpPr/>
          <p:nvPr/>
        </p:nvSpPr>
        <p:spPr>
          <a:xfrm>
            <a:off x="4617529" y="4851685"/>
            <a:ext cx="454534" cy="798071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kumimoji="1" lang="ja-JP" altLang="en-US">
              <a:solidFill>
                <a:schemeClr val="tx2">
                  <a:lumMod val="10000"/>
                </a:schemeClr>
              </a:solidFill>
            </a:endParaRPr>
          </a:p>
        </p:txBody>
      </p:sp>
      <p:sp>
        <p:nvSpPr>
          <p:cNvPr id="132" name="テキスト ボックス 131"/>
          <p:cNvSpPr txBox="1"/>
          <p:nvPr/>
        </p:nvSpPr>
        <p:spPr>
          <a:xfrm>
            <a:off x="5043487" y="5053473"/>
            <a:ext cx="412664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sz="1600" dirty="0" smtClean="0"/>
              <a:t>May require more </a:t>
            </a:r>
            <a:r>
              <a:rPr lang="en-US" altLang="ja-JP" sz="1600" dirty="0" smtClean="0"/>
              <a:t>computing resources</a:t>
            </a:r>
            <a:endParaRPr kumimoji="1" lang="ja-JP" altLang="en-US" sz="1600" dirty="0"/>
          </a:p>
        </p:txBody>
      </p:sp>
    </p:spTree>
    <p:extLst>
      <p:ext uri="{BB962C8B-B14F-4D97-AF65-F5344CB8AC3E}">
        <p14:creationId xmlns:p14="http://schemas.microsoft.com/office/powerpoint/2010/main" val="9176640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QN - Improvement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6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zh-TW" sz="2800" dirty="0" smtClean="0">
                <a:solidFill>
                  <a:srgbClr val="00B050"/>
                </a:solidFill>
              </a:rPr>
              <a:t>4.Path Optimization</a:t>
            </a:r>
            <a:endParaRPr lang="en-US" altLang="ja-JP" sz="2800" dirty="0">
              <a:solidFill>
                <a:srgbClr val="00B050"/>
              </a:solidFill>
            </a:endParaRPr>
          </a:p>
          <a:p>
            <a:pPr>
              <a:buNone/>
            </a:pPr>
            <a:endParaRPr lang="en-US" altLang="ja-JP" sz="2400" dirty="0" smtClean="0"/>
          </a:p>
          <a:p>
            <a:pPr>
              <a:buNone/>
            </a:pPr>
            <a:endParaRPr lang="en-US" altLang="ja-JP" sz="2400" dirty="0"/>
          </a:p>
          <a:p>
            <a:pPr>
              <a:buNone/>
            </a:pPr>
            <a:endParaRPr kumimoji="1" lang="ja-JP" altLang="en-US" sz="2400" dirty="0"/>
          </a:p>
        </p:txBody>
      </p:sp>
      <p:pic>
        <p:nvPicPr>
          <p:cNvPr id="5" name="robotMap_far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 rotWithShape="1">
          <a:blip r:embed="rId7"/>
          <a:srcRect l="20909" t="9909" r="18072" b="8732"/>
          <a:stretch/>
        </p:blipFill>
        <p:spPr>
          <a:xfrm>
            <a:off x="1175818" y="1727584"/>
            <a:ext cx="2689551" cy="2689552"/>
          </a:xfrm>
          <a:prstGeom prst="rect">
            <a:avLst/>
          </a:prstGeom>
        </p:spPr>
      </p:pic>
      <p:pic>
        <p:nvPicPr>
          <p:cNvPr id="6" name="Optimal">
            <a:hlinkClick r:id="" action="ppaction://media"/>
          </p:cNvPr>
          <p:cNvPicPr>
            <a:picLocks noChangeAspect="1"/>
          </p:cNvPicPr>
          <p:nvPr>
            <a:videoFile r:link="rId4"/>
            <p:extLst>
              <p:ext uri="{DAA4B4D4-6D71-4841-9C94-3DE7FCFB9230}">
                <p14:media xmlns:p14="http://schemas.microsoft.com/office/powerpoint/2010/main" r:embed="rId3"/>
              </p:ext>
            </p:extLst>
          </p:nvPr>
        </p:nvPicPr>
        <p:blipFill rotWithShape="1">
          <a:blip r:embed="rId8"/>
          <a:srcRect l="21121" t="10645" r="19521" b="9070"/>
          <a:stretch/>
        </p:blipFill>
        <p:spPr>
          <a:xfrm>
            <a:off x="4563867" y="1786724"/>
            <a:ext cx="2592969" cy="2630412"/>
          </a:xfrm>
          <a:prstGeom prst="rect">
            <a:avLst/>
          </a:prstGeom>
        </p:spPr>
      </p:pic>
      <p:sp>
        <p:nvSpPr>
          <p:cNvPr id="3" name="テキスト ボックス 2"/>
          <p:cNvSpPr txBox="1"/>
          <p:nvPr/>
        </p:nvSpPr>
        <p:spPr>
          <a:xfrm>
            <a:off x="907841" y="5069986"/>
            <a:ext cx="654172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sz="2400" dirty="0" smtClean="0"/>
              <a:t>1. Give penalty when change the direction</a:t>
            </a:r>
            <a:endParaRPr kumimoji="1" lang="ja-JP" altLang="en-US" sz="2400" dirty="0"/>
          </a:p>
        </p:txBody>
      </p:sp>
      <p:sp>
        <p:nvSpPr>
          <p:cNvPr id="8" name="テキスト ボックス 7"/>
          <p:cNvSpPr txBox="1"/>
          <p:nvPr/>
        </p:nvSpPr>
        <p:spPr>
          <a:xfrm>
            <a:off x="907841" y="5525825"/>
            <a:ext cx="757816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ja-JP" sz="2400" dirty="0"/>
              <a:t>2</a:t>
            </a:r>
            <a:r>
              <a:rPr lang="en-US" altLang="ja-JP" sz="2400" dirty="0" smtClean="0"/>
              <a:t>. Add optimal solutions into transition data base</a:t>
            </a:r>
            <a:endParaRPr kumimoji="1" lang="ja-JP" altLang="en-US" sz="2400" dirty="0"/>
          </a:p>
        </p:txBody>
      </p:sp>
      <p:sp>
        <p:nvSpPr>
          <p:cNvPr id="9" name="テキスト ボックス 8"/>
          <p:cNvSpPr txBox="1"/>
          <p:nvPr/>
        </p:nvSpPr>
        <p:spPr>
          <a:xfrm>
            <a:off x="722103" y="4570197"/>
            <a:ext cx="156966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kumimoji="1" lang="en-US" altLang="ja-JP" sz="2400" dirty="0" smtClean="0"/>
              <a:t>Ongoing:</a:t>
            </a:r>
            <a:endParaRPr kumimoji="1" lang="ja-JP" altLang="en-US" sz="2400" dirty="0"/>
          </a:p>
        </p:txBody>
      </p:sp>
    </p:spTree>
    <p:extLst>
      <p:ext uri="{BB962C8B-B14F-4D97-AF65-F5344CB8AC3E}">
        <p14:creationId xmlns:p14="http://schemas.microsoft.com/office/powerpoint/2010/main" val="552200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  <p:video>
              <p:cMediaNode vol="80000">
                <p:cTn id="13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/>
            </a:r>
            <a:br>
              <a:rPr kumimoji="1" lang="en-US" altLang="ja-JP" dirty="0" smtClean="0"/>
            </a:br>
            <a:r>
              <a:rPr kumimoji="1" lang="en-US" altLang="ja-JP" dirty="0" smtClean="0"/>
              <a:t>1. Schedule</a:t>
            </a:r>
            <a:r>
              <a:rPr kumimoji="1" lang="en-US" altLang="ja-JP" dirty="0" smtClean="0">
                <a:solidFill>
                  <a:srgbClr val="FFFF00"/>
                </a:solidFill>
              </a:rPr>
              <a:t/>
            </a:r>
            <a:br>
              <a:rPr kumimoji="1"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/>
              <a:t>2. Background</a:t>
            </a:r>
            <a:br>
              <a:rPr lang="en-US" altLang="ja-JP" dirty="0" smtClean="0"/>
            </a:br>
            <a:r>
              <a:rPr lang="en-US" altLang="ja-JP" dirty="0" smtClean="0"/>
              <a:t>3. Deep Reinforcement Learning</a:t>
            </a:r>
            <a:br>
              <a:rPr lang="en-US" altLang="ja-JP" dirty="0" smtClean="0"/>
            </a:br>
            <a:r>
              <a:rPr lang="en-US" altLang="ja-JP" dirty="0">
                <a:solidFill>
                  <a:srgbClr val="FFFF00"/>
                </a:solidFill>
              </a:rPr>
              <a:t>4. Conclusion &amp; Future Works</a:t>
            </a:r>
            <a:endParaRPr lang="ja-JP" altLang="en-US" dirty="0">
              <a:solidFill>
                <a:srgbClr val="FFFF00"/>
              </a:solidFill>
            </a:endParaRPr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altLang="ja-JP" dirty="0" smtClean="0"/>
              <a:t>Outline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12829756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Conclusion and Future works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18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ja-JP" sz="2000" b="1" dirty="0" smtClean="0"/>
              <a:t>Conclusion</a:t>
            </a:r>
          </a:p>
          <a:p>
            <a:pPr>
              <a:buNone/>
            </a:pPr>
            <a:r>
              <a:rPr lang="en-US" altLang="ja-JP" sz="1600" dirty="0" smtClean="0"/>
              <a:t>-Apply </a:t>
            </a:r>
            <a:r>
              <a:rPr lang="en-US" altLang="ja-JP" sz="1600" dirty="0"/>
              <a:t>deep reinforcement learning on maze solving problem</a:t>
            </a:r>
          </a:p>
          <a:p>
            <a:pPr>
              <a:buNone/>
            </a:pPr>
            <a:r>
              <a:rPr lang="en-US" altLang="ja-JP" sz="1400" dirty="0" smtClean="0"/>
              <a:t>	-</a:t>
            </a:r>
            <a:r>
              <a:rPr lang="en-US" altLang="ja-JP" sz="1400" dirty="0"/>
              <a:t>Achieve win rate 100% in 10x10 , 98</a:t>
            </a:r>
            <a:r>
              <a:rPr lang="en-US" altLang="zh-TW" sz="1400" dirty="0"/>
              <a:t>%</a:t>
            </a:r>
            <a:r>
              <a:rPr lang="zh-TW" altLang="en-US" sz="1400" dirty="0"/>
              <a:t> </a:t>
            </a:r>
            <a:r>
              <a:rPr lang="en-US" altLang="zh-TW" sz="1400" dirty="0"/>
              <a:t>in 40x40 </a:t>
            </a:r>
            <a:r>
              <a:rPr lang="en-US" altLang="zh-TW" sz="1400" dirty="0" smtClean="0"/>
              <a:t>Maze</a:t>
            </a:r>
          </a:p>
          <a:p>
            <a:pPr>
              <a:buNone/>
            </a:pPr>
            <a:r>
              <a:rPr lang="en-US" altLang="zh-TW" sz="1400" dirty="0"/>
              <a:t> 	</a:t>
            </a:r>
            <a:r>
              <a:rPr lang="en-US" altLang="zh-TW" sz="1400" dirty="0" smtClean="0"/>
              <a:t>-Apply several methods to improve performance</a:t>
            </a:r>
            <a:endParaRPr lang="en-US" altLang="ja-JP" sz="2000" dirty="0" smtClean="0"/>
          </a:p>
          <a:p>
            <a:pPr>
              <a:buNone/>
            </a:pPr>
            <a:endParaRPr lang="en-US" altLang="ja-JP" sz="2000" b="1" dirty="0" smtClean="0"/>
          </a:p>
          <a:p>
            <a:pPr>
              <a:buNone/>
            </a:pPr>
            <a:r>
              <a:rPr lang="en-US" altLang="ja-JP" sz="2000" b="1" dirty="0" smtClean="0"/>
              <a:t>Future Works</a:t>
            </a:r>
          </a:p>
          <a:p>
            <a:pPr>
              <a:buNone/>
            </a:pPr>
            <a:r>
              <a:rPr lang="en-US" altLang="ja-JP" sz="1600" dirty="0" smtClean="0"/>
              <a:t>-Apply it on 3D Maze (60x60x40…)</a:t>
            </a:r>
          </a:p>
          <a:p>
            <a:pPr>
              <a:buNone/>
            </a:pPr>
            <a:r>
              <a:rPr lang="en-US" altLang="ja-JP" sz="1600" dirty="0" smtClean="0"/>
              <a:t>-Make problems more realistic:</a:t>
            </a:r>
          </a:p>
          <a:p>
            <a:pPr>
              <a:buNone/>
            </a:pPr>
            <a:r>
              <a:rPr lang="en-US" altLang="ja-JP" sz="1400" dirty="0"/>
              <a:t> </a:t>
            </a:r>
            <a:r>
              <a:rPr lang="en-US" altLang="ja-JP" sz="1400" dirty="0" smtClean="0"/>
              <a:t>	-Consider type and pose of the robots</a:t>
            </a:r>
          </a:p>
          <a:p>
            <a:pPr>
              <a:buNone/>
            </a:pPr>
            <a:r>
              <a:rPr lang="en-US" altLang="ja-JP" sz="1600" dirty="0" smtClean="0"/>
              <a:t>-Try different methods to improve performance and speed</a:t>
            </a:r>
          </a:p>
          <a:p>
            <a:pPr>
              <a:buNone/>
            </a:pPr>
            <a:r>
              <a:rPr kumimoji="1" lang="en-US" altLang="ja-JP" sz="1600" dirty="0"/>
              <a:t> </a:t>
            </a:r>
            <a:r>
              <a:rPr lang="en-US" altLang="ja-JP" sz="1600" dirty="0"/>
              <a:t>	</a:t>
            </a:r>
            <a:r>
              <a:rPr kumimoji="1" lang="en-US" altLang="ja-JP" sz="1600" dirty="0" smtClean="0"/>
              <a:t>-</a:t>
            </a:r>
            <a:r>
              <a:rPr kumimoji="1" lang="en-US" altLang="ja-JP" sz="1400" dirty="0" smtClean="0"/>
              <a:t>Asynchronous Advantage Actor-Critic (</a:t>
            </a:r>
            <a:r>
              <a:rPr kumimoji="1" lang="en-US" altLang="zh-TW" sz="1400" dirty="0" smtClean="0"/>
              <a:t>A3C</a:t>
            </a:r>
            <a:r>
              <a:rPr kumimoji="1" lang="en-US" altLang="ja-JP" sz="1400" dirty="0" smtClean="0"/>
              <a:t>)</a:t>
            </a:r>
          </a:p>
          <a:p>
            <a:pPr>
              <a:buNone/>
            </a:pPr>
            <a:r>
              <a:rPr lang="en-US" altLang="ja-JP" sz="1400" dirty="0"/>
              <a:t> 	</a:t>
            </a:r>
            <a:r>
              <a:rPr lang="en-US" altLang="ja-JP" sz="1400" dirty="0" smtClean="0"/>
              <a:t>-Value Network + Policy Network</a:t>
            </a:r>
          </a:p>
          <a:p>
            <a:pPr>
              <a:buNone/>
            </a:pPr>
            <a:r>
              <a:rPr kumimoji="1" lang="en-US" altLang="ja-JP" sz="1800" dirty="0" smtClean="0"/>
              <a:t>   …</a:t>
            </a:r>
            <a:endParaRPr kumimoji="1" lang="ja-JP" altLang="en-US" sz="2000" dirty="0"/>
          </a:p>
        </p:txBody>
      </p:sp>
      <p:pic>
        <p:nvPicPr>
          <p:cNvPr id="6" name="Picture 10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15517" y="3256196"/>
            <a:ext cx="1279541" cy="111587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" name="Picture 2" descr="ãpyplot 3d arrayãçåçæå°çµæ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815" t="11348" r="7163" b="7162"/>
          <a:stretch/>
        </p:blipFill>
        <p:spPr bwMode="auto">
          <a:xfrm>
            <a:off x="4981607" y="3199360"/>
            <a:ext cx="1356004" cy="11158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557166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8277731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/>
            </a:r>
            <a:br>
              <a:rPr kumimoji="1" lang="en-US" altLang="ja-JP" dirty="0" smtClean="0"/>
            </a:br>
            <a:r>
              <a:rPr kumimoji="1" lang="en-US" altLang="ja-JP" dirty="0" smtClean="0"/>
              <a:t>1. </a:t>
            </a:r>
            <a:r>
              <a:rPr lang="en-US" altLang="ja-JP" dirty="0" smtClean="0"/>
              <a:t>Timeline</a:t>
            </a:r>
            <a:r>
              <a:rPr kumimoji="1" lang="en-US" altLang="ja-JP" dirty="0" smtClean="0">
                <a:solidFill>
                  <a:srgbClr val="FFFF00"/>
                </a:solidFill>
              </a:rPr>
              <a:t/>
            </a:r>
            <a:br>
              <a:rPr kumimoji="1"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/>
              <a:t>2. Background</a:t>
            </a:r>
            <a:br>
              <a:rPr lang="en-US" altLang="ja-JP" dirty="0" smtClean="0"/>
            </a:br>
            <a:r>
              <a:rPr lang="en-US" altLang="ja-JP" dirty="0" smtClean="0"/>
              <a:t>3. Deep Reinforcement Learning</a:t>
            </a:r>
            <a:br>
              <a:rPr lang="en-US" altLang="ja-JP" dirty="0" smtClean="0"/>
            </a:br>
            <a:r>
              <a:rPr lang="en-US" altLang="ja-JP" dirty="0"/>
              <a:t>4. </a:t>
            </a:r>
            <a:r>
              <a:rPr lang="en-US" altLang="ja-JP" dirty="0" smtClean="0"/>
              <a:t>Conclusion &amp; Future </a:t>
            </a:r>
            <a:r>
              <a:rPr lang="en-US" altLang="ja-JP" dirty="0"/>
              <a:t>Works</a:t>
            </a:r>
            <a:endParaRPr kumimoji="1" lang="ja-JP" altLang="en-US" dirty="0"/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altLang="ja-JP" dirty="0" smtClean="0"/>
              <a:t>Outline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9313173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ja-JP" altLang="en-US" dirty="0" smtClean="0"/>
              <a:t>テーマの概要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20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5" name="テキスト ボックス 4"/>
          <p:cNvSpPr txBox="1"/>
          <p:nvPr/>
        </p:nvSpPr>
        <p:spPr>
          <a:xfrm>
            <a:off x="251520" y="911895"/>
            <a:ext cx="3600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ja-JP" altLang="en-US" b="1" dirty="0" smtClean="0"/>
              <a:t>複雑環境下での行動計画</a:t>
            </a:r>
            <a:endParaRPr kumimoji="1" lang="ja-JP" altLang="en-US" b="1" dirty="0"/>
          </a:p>
        </p:txBody>
      </p:sp>
      <p:sp>
        <p:nvSpPr>
          <p:cNvPr id="7" name="テキスト ボックス 6"/>
          <p:cNvSpPr txBox="1"/>
          <p:nvPr/>
        </p:nvSpPr>
        <p:spPr>
          <a:xfrm>
            <a:off x="251520" y="1271935"/>
            <a:ext cx="337004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ja-JP" altLang="en-US" sz="1600" dirty="0"/>
              <a:t>（</a:t>
            </a:r>
            <a:r>
              <a:rPr lang="ja-JP" altLang="en-US" sz="1600" dirty="0" smtClean="0"/>
              <a:t>ウェーブとの共有テーマ）</a:t>
            </a:r>
            <a:endParaRPr lang="en-US" altLang="ja-JP" sz="1600" dirty="0" smtClean="0"/>
          </a:p>
        </p:txBody>
      </p:sp>
      <p:sp>
        <p:nvSpPr>
          <p:cNvPr id="9" name="テキスト ボックス 8"/>
          <p:cNvSpPr txBox="1"/>
          <p:nvPr/>
        </p:nvSpPr>
        <p:spPr>
          <a:xfrm>
            <a:off x="251520" y="4287560"/>
            <a:ext cx="504056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indent="266700"/>
            <a:r>
              <a:rPr lang="ja-JP" altLang="en-US" sz="1600" dirty="0" smtClean="0"/>
              <a:t>⇒ これまで人手でやっていたことを強化学習で実現</a:t>
            </a:r>
            <a:endParaRPr lang="en-US" altLang="ja-JP" sz="1600" dirty="0" smtClean="0"/>
          </a:p>
          <a:p>
            <a:pPr indent="266700"/>
            <a:r>
              <a:rPr lang="ja-JP" altLang="en-US" sz="1600" dirty="0"/>
              <a:t>　</a:t>
            </a:r>
            <a:r>
              <a:rPr lang="ja-JP" altLang="en-US" sz="1600" dirty="0" smtClean="0"/>
              <a:t>　</a:t>
            </a:r>
            <a:r>
              <a:rPr lang="en-US" altLang="ja-JP" sz="1600" dirty="0" smtClean="0"/>
              <a:t>(</a:t>
            </a:r>
            <a:r>
              <a:rPr lang="ja-JP" altLang="en-US" sz="1600" dirty="0" smtClean="0"/>
              <a:t>プログラムレス化</a:t>
            </a:r>
            <a:r>
              <a:rPr lang="en-US" altLang="ja-JP" sz="1600" dirty="0" smtClean="0"/>
              <a:t>)</a:t>
            </a:r>
          </a:p>
        </p:txBody>
      </p:sp>
      <p:sp>
        <p:nvSpPr>
          <p:cNvPr id="3" name="テキスト ボックス 2"/>
          <p:cNvSpPr txBox="1"/>
          <p:nvPr/>
        </p:nvSpPr>
        <p:spPr>
          <a:xfrm>
            <a:off x="5292080" y="5808439"/>
            <a:ext cx="315512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ja-JP" altLang="en-US" sz="1400" dirty="0" smtClean="0"/>
              <a:t>要素技術開発実験の様子</a:t>
            </a:r>
            <a:endParaRPr kumimoji="1" lang="ja-JP" altLang="en-US" sz="1400" dirty="0"/>
          </a:p>
        </p:txBody>
      </p:sp>
      <p:sp>
        <p:nvSpPr>
          <p:cNvPr id="6" name="正方形/長方形 5"/>
          <p:cNvSpPr/>
          <p:nvPr/>
        </p:nvSpPr>
        <p:spPr>
          <a:xfrm>
            <a:off x="467544" y="1775991"/>
            <a:ext cx="4824536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600" dirty="0" err="1"/>
              <a:t>ー</a:t>
            </a:r>
            <a:r>
              <a:rPr lang="ja-JP" altLang="en-US" sz="1600" dirty="0"/>
              <a:t>複雑</a:t>
            </a:r>
            <a:r>
              <a:rPr lang="ja-JP" altLang="en-US" sz="1600" dirty="0" smtClean="0"/>
              <a:t>環境</a:t>
            </a:r>
            <a:endParaRPr lang="en-US" altLang="ja-JP" sz="1600" dirty="0" smtClean="0"/>
          </a:p>
          <a:p>
            <a:r>
              <a:rPr lang="ja-JP" altLang="en-US" sz="1400" dirty="0"/>
              <a:t>　</a:t>
            </a:r>
            <a:r>
              <a:rPr lang="ja-JP" altLang="en-US" sz="1400" dirty="0" smtClean="0"/>
              <a:t>　・ロボットの行動空間に</a:t>
            </a:r>
            <a:r>
              <a:rPr lang="ja-JP" altLang="en-US" sz="1400" b="1" dirty="0" smtClean="0">
                <a:solidFill>
                  <a:srgbClr val="FF0000"/>
                </a:solidFill>
              </a:rPr>
              <a:t>障害物が存在</a:t>
            </a:r>
            <a:r>
              <a:rPr lang="ja-JP" altLang="en-US" sz="1400" dirty="0" smtClean="0"/>
              <a:t>する</a:t>
            </a:r>
            <a:endParaRPr lang="en-US" altLang="ja-JP" sz="1400" dirty="0" smtClean="0"/>
          </a:p>
          <a:p>
            <a:r>
              <a:rPr lang="ja-JP" altLang="en-US" sz="1400" dirty="0"/>
              <a:t>　</a:t>
            </a:r>
            <a:r>
              <a:rPr lang="ja-JP" altLang="en-US" sz="1400" dirty="0" smtClean="0"/>
              <a:t>　・取り扱う</a:t>
            </a:r>
            <a:r>
              <a:rPr lang="ja-JP" altLang="en-US" sz="1400" b="1" dirty="0" smtClean="0">
                <a:solidFill>
                  <a:srgbClr val="FF0000"/>
                </a:solidFill>
              </a:rPr>
              <a:t>部品や作業位置が複数個所</a:t>
            </a:r>
            <a:r>
              <a:rPr lang="ja-JP" altLang="en-US" sz="1400" dirty="0" smtClean="0"/>
              <a:t>存在する</a:t>
            </a:r>
            <a:endParaRPr lang="en-US" altLang="ja-JP" sz="1400" dirty="0" smtClean="0"/>
          </a:p>
        </p:txBody>
      </p:sp>
      <p:pic>
        <p:nvPicPr>
          <p:cNvPr id="11" name="00068.avi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5292081" y="3432175"/>
            <a:ext cx="3155120" cy="2366341"/>
          </a:xfrm>
          <a:prstGeom prst="rect">
            <a:avLst/>
          </a:prstGeom>
        </p:spPr>
      </p:pic>
      <p:sp>
        <p:nvSpPr>
          <p:cNvPr id="12" name="正方形/長方形 11"/>
          <p:cNvSpPr/>
          <p:nvPr/>
        </p:nvSpPr>
        <p:spPr>
          <a:xfrm>
            <a:off x="467544" y="2712095"/>
            <a:ext cx="4824536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600" dirty="0" err="1" smtClean="0"/>
              <a:t>ー</a:t>
            </a:r>
            <a:r>
              <a:rPr lang="ja-JP" altLang="en-US" sz="1600" dirty="0" smtClean="0"/>
              <a:t>行動計画</a:t>
            </a:r>
            <a:endParaRPr lang="en-US" altLang="ja-JP" sz="1600" dirty="0" smtClean="0"/>
          </a:p>
          <a:p>
            <a:endParaRPr lang="en-US" altLang="ja-JP" sz="500" dirty="0" smtClean="0"/>
          </a:p>
          <a:p>
            <a:r>
              <a:rPr lang="ja-JP" altLang="en-US" sz="1600" dirty="0"/>
              <a:t>　</a:t>
            </a:r>
            <a:r>
              <a:rPr lang="ja-JP" altLang="en-US" sz="1600" dirty="0" smtClean="0"/>
              <a:t>　</a:t>
            </a:r>
            <a:r>
              <a:rPr lang="ja-JP" altLang="en-US" sz="1400" b="1" dirty="0" smtClean="0">
                <a:solidFill>
                  <a:srgbClr val="FF0000"/>
                </a:solidFill>
              </a:rPr>
              <a:t>作業時間を最短化する行動</a:t>
            </a:r>
            <a:r>
              <a:rPr lang="ja-JP" altLang="en-US" sz="1400" dirty="0" smtClean="0"/>
              <a:t>の生成</a:t>
            </a:r>
            <a:endParaRPr lang="en-US" altLang="ja-JP" sz="1400" dirty="0" smtClean="0"/>
          </a:p>
          <a:p>
            <a:endParaRPr lang="en-US" altLang="ja-JP" sz="500" dirty="0" smtClean="0"/>
          </a:p>
          <a:p>
            <a:r>
              <a:rPr lang="ja-JP" altLang="en-US" sz="1400" dirty="0"/>
              <a:t>　</a:t>
            </a:r>
            <a:r>
              <a:rPr lang="ja-JP" altLang="en-US" sz="1400" dirty="0" smtClean="0"/>
              <a:t>　・最適な作業</a:t>
            </a:r>
            <a:r>
              <a:rPr lang="ja-JP" altLang="en-US" sz="1400" dirty="0" smtClean="0">
                <a:solidFill>
                  <a:srgbClr val="FF0000"/>
                </a:solidFill>
              </a:rPr>
              <a:t>手順</a:t>
            </a:r>
            <a:r>
              <a:rPr lang="ja-JP" altLang="en-US" sz="1400" dirty="0" smtClean="0"/>
              <a:t>の決定</a:t>
            </a:r>
            <a:endParaRPr lang="en-US" altLang="ja-JP" sz="1400" dirty="0" smtClean="0"/>
          </a:p>
          <a:p>
            <a:r>
              <a:rPr lang="ja-JP" altLang="en-US" sz="1400" dirty="0"/>
              <a:t>　</a:t>
            </a:r>
            <a:r>
              <a:rPr lang="ja-JP" altLang="en-US" sz="1400" dirty="0" smtClean="0"/>
              <a:t>　・最適な</a:t>
            </a:r>
            <a:r>
              <a:rPr lang="ja-JP" altLang="en-US" sz="1400" dirty="0" smtClean="0">
                <a:solidFill>
                  <a:srgbClr val="FF0000"/>
                </a:solidFill>
              </a:rPr>
              <a:t>軌道・姿勢・制御値</a:t>
            </a:r>
            <a:r>
              <a:rPr lang="ja-JP" altLang="en-US" sz="1400" dirty="0" smtClean="0"/>
              <a:t>の決定</a:t>
            </a:r>
            <a:endParaRPr lang="en-US" altLang="ja-JP" sz="1400" dirty="0" smtClean="0"/>
          </a:p>
          <a:p>
            <a:r>
              <a:rPr lang="ja-JP" altLang="en-US" sz="1400" dirty="0"/>
              <a:t>　</a:t>
            </a:r>
            <a:r>
              <a:rPr lang="ja-JP" altLang="en-US" sz="1400" dirty="0" smtClean="0"/>
              <a:t>　・</a:t>
            </a:r>
            <a:r>
              <a:rPr lang="ja-JP" altLang="en-US" sz="1400" dirty="0" smtClean="0">
                <a:solidFill>
                  <a:srgbClr val="FF0000"/>
                </a:solidFill>
              </a:rPr>
              <a:t>衝突回避</a:t>
            </a:r>
            <a:endParaRPr lang="en-US" altLang="ja-JP" sz="1400" dirty="0" smtClean="0">
              <a:solidFill>
                <a:srgbClr val="FF0000"/>
              </a:solidFill>
            </a:endParaRPr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2081" y="551855"/>
            <a:ext cx="3011805" cy="23122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テキスト ボックス 12"/>
          <p:cNvSpPr txBox="1"/>
          <p:nvPr/>
        </p:nvSpPr>
        <p:spPr>
          <a:xfrm>
            <a:off x="5300133" y="2864144"/>
            <a:ext cx="30037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ja-JP" altLang="en-US" sz="1400" dirty="0" smtClean="0"/>
              <a:t>作業レイアウトの一例</a:t>
            </a:r>
            <a:endParaRPr kumimoji="1" lang="ja-JP" altLang="en-US" sz="1400" dirty="0"/>
          </a:p>
        </p:txBody>
      </p:sp>
    </p:spTree>
    <p:extLst>
      <p:ext uri="{BB962C8B-B14F-4D97-AF65-F5344CB8AC3E}">
        <p14:creationId xmlns:p14="http://schemas.microsoft.com/office/powerpoint/2010/main" val="31191782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11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11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1"/>
                  </p:tgtEl>
                </p:cond>
              </p:nextCondLst>
            </p:seq>
            <p:video fullScrn="1"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11"/>
                </p:tgtEl>
              </p:cMediaNode>
            </p:video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ja-JP" altLang="en-US" dirty="0" smtClean="0"/>
              <a:t>研究課題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21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grpSp>
        <p:nvGrpSpPr>
          <p:cNvPr id="5" name="グループ化 4"/>
          <p:cNvGrpSpPr/>
          <p:nvPr/>
        </p:nvGrpSpPr>
        <p:grpSpPr>
          <a:xfrm>
            <a:off x="5876896" y="1979606"/>
            <a:ext cx="3218424" cy="1935336"/>
            <a:chOff x="520312" y="3606852"/>
            <a:chExt cx="3467917" cy="2164129"/>
          </a:xfrm>
        </p:grpSpPr>
        <p:graphicFrame>
          <p:nvGraphicFramePr>
            <p:cNvPr id="6" name="グラフ 5"/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1592378166"/>
                </p:ext>
              </p:extLst>
            </p:nvPr>
          </p:nvGraphicFramePr>
          <p:xfrm>
            <a:off x="830860" y="3606852"/>
            <a:ext cx="3157369" cy="1940274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3"/>
            </a:graphicData>
          </a:graphic>
        </p:graphicFrame>
        <p:sp>
          <p:nvSpPr>
            <p:cNvPr id="7" name="正方形/長方形 6"/>
            <p:cNvSpPr/>
            <p:nvPr/>
          </p:nvSpPr>
          <p:spPr>
            <a:xfrm>
              <a:off x="2225909" y="5461236"/>
              <a:ext cx="696435" cy="30974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ja-JP" altLang="en-US" sz="1200" dirty="0" smtClean="0"/>
                <a:t>都市数</a:t>
              </a:r>
              <a:endParaRPr lang="ja-JP" altLang="en-US" sz="1200" dirty="0"/>
            </a:p>
          </p:txBody>
        </p:sp>
        <p:sp>
          <p:nvSpPr>
            <p:cNvPr id="8" name="テキスト ボックス 7"/>
            <p:cNvSpPr txBox="1"/>
            <p:nvPr/>
          </p:nvSpPr>
          <p:spPr>
            <a:xfrm>
              <a:off x="520312" y="4007333"/>
              <a:ext cx="397963" cy="1189601"/>
            </a:xfrm>
            <a:prstGeom prst="rect">
              <a:avLst/>
            </a:prstGeom>
            <a:noFill/>
          </p:spPr>
          <p:txBody>
            <a:bodyPr vert="eaVert" wrap="square" rtlCol="0">
              <a:spAutoFit/>
            </a:bodyPr>
            <a:lstStyle/>
            <a:p>
              <a:r>
                <a:rPr kumimoji="1" lang="ja-JP" altLang="en-US" sz="1200" dirty="0" smtClean="0"/>
                <a:t>ルート数</a:t>
              </a:r>
              <a:endParaRPr kumimoji="1" lang="ja-JP" altLang="en-US" sz="1200" dirty="0"/>
            </a:p>
          </p:txBody>
        </p:sp>
        <p:cxnSp>
          <p:nvCxnSpPr>
            <p:cNvPr id="9" name="直線コネクタ 8"/>
            <p:cNvCxnSpPr/>
            <p:nvPr/>
          </p:nvCxnSpPr>
          <p:spPr>
            <a:xfrm flipV="1">
              <a:off x="2016158" y="4714917"/>
              <a:ext cx="0" cy="524386"/>
            </a:xfrm>
            <a:prstGeom prst="line">
              <a:avLst/>
            </a:prstGeom>
            <a:ln>
              <a:solidFill>
                <a:srgbClr val="FF0000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直線コネクタ 9"/>
            <p:cNvCxnSpPr/>
            <p:nvPr/>
          </p:nvCxnSpPr>
          <p:spPr>
            <a:xfrm flipV="1">
              <a:off x="2234381" y="4272863"/>
              <a:ext cx="0" cy="959005"/>
            </a:xfrm>
            <a:prstGeom prst="line">
              <a:avLst/>
            </a:prstGeom>
            <a:ln>
              <a:solidFill>
                <a:srgbClr val="FF0000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正方形/長方形 10"/>
            <p:cNvSpPr/>
            <p:nvPr/>
          </p:nvSpPr>
          <p:spPr>
            <a:xfrm>
              <a:off x="1551370" y="4461929"/>
              <a:ext cx="934797" cy="27532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ja-JP" altLang="en-US" sz="1000" b="1" dirty="0">
                  <a:solidFill>
                    <a:srgbClr val="FF0000"/>
                  </a:solidFill>
                </a:rPr>
                <a:t>約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6</a:t>
              </a:r>
              <a:r>
                <a:rPr lang="ja-JP" altLang="en-US" sz="1000" b="1" dirty="0" smtClean="0">
                  <a:solidFill>
                    <a:srgbClr val="FF0000"/>
                  </a:solidFill>
                </a:rPr>
                <a:t>秒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(※1)</a:t>
              </a:r>
              <a:endParaRPr lang="ja-JP" altLang="en-US" sz="1000" b="1" dirty="0">
                <a:solidFill>
                  <a:srgbClr val="FF0000"/>
                </a:solidFill>
              </a:endParaRPr>
            </a:p>
          </p:txBody>
        </p:sp>
        <p:sp>
          <p:nvSpPr>
            <p:cNvPr id="12" name="正方形/長方形 11"/>
            <p:cNvSpPr/>
            <p:nvPr/>
          </p:nvSpPr>
          <p:spPr>
            <a:xfrm>
              <a:off x="1879508" y="4018165"/>
              <a:ext cx="1524222" cy="27532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ja-JP" altLang="en-US" sz="1000" b="1" dirty="0" smtClean="0">
                  <a:solidFill>
                    <a:srgbClr val="FF0000"/>
                  </a:solidFill>
                </a:rPr>
                <a:t>約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1401</a:t>
              </a:r>
              <a:r>
                <a:rPr lang="ja-JP" altLang="en-US" sz="1000" b="1" dirty="0" smtClean="0">
                  <a:solidFill>
                    <a:srgbClr val="FF0000"/>
                  </a:solidFill>
                </a:rPr>
                <a:t>万年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(※1)</a:t>
              </a:r>
              <a:endParaRPr lang="ja-JP" altLang="en-US" sz="1000" b="1" dirty="0">
                <a:solidFill>
                  <a:srgbClr val="FF0000"/>
                </a:solidFill>
              </a:endParaRPr>
            </a:p>
          </p:txBody>
        </p:sp>
      </p:grpSp>
      <p:sp>
        <p:nvSpPr>
          <p:cNvPr id="13" name="正方形/長方形 12"/>
          <p:cNvSpPr/>
          <p:nvPr/>
        </p:nvSpPr>
        <p:spPr>
          <a:xfrm>
            <a:off x="400956" y="3733917"/>
            <a:ext cx="257616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3(</a:t>
            </a:r>
            <a:r>
              <a:rPr lang="ja-JP" altLang="en-US" sz="1400" b="1" u="sng" dirty="0"/>
              <a:t>移動</a:t>
            </a:r>
            <a:r>
              <a:rPr lang="en-US" altLang="ja-JP" sz="1400" b="1" u="sng" dirty="0" smtClean="0"/>
              <a:t>)</a:t>
            </a:r>
          </a:p>
          <a:p>
            <a:r>
              <a:rPr lang="ja-JP" altLang="en-US" sz="1400" b="1" dirty="0"/>
              <a:t>　</a:t>
            </a:r>
            <a:endParaRPr lang="en-US" altLang="ja-JP" sz="1400" b="1" baseline="30000" dirty="0" smtClean="0"/>
          </a:p>
        </p:txBody>
      </p:sp>
      <p:pic>
        <p:nvPicPr>
          <p:cNvPr id="14" name="Picture 6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566" y="4502652"/>
            <a:ext cx="905275" cy="103047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8" name="正方形/長方形 17"/>
          <p:cNvSpPr/>
          <p:nvPr/>
        </p:nvSpPr>
        <p:spPr>
          <a:xfrm>
            <a:off x="6005863" y="967173"/>
            <a:ext cx="2635314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1(</a:t>
            </a:r>
            <a:r>
              <a:rPr lang="ja-JP" altLang="en-US" sz="1400" b="1" u="sng" dirty="0" smtClean="0"/>
              <a:t>手順</a:t>
            </a:r>
            <a:r>
              <a:rPr lang="en-US" altLang="ja-JP" sz="1400" b="1" u="sng" dirty="0" smtClean="0"/>
              <a:t>)</a:t>
            </a:r>
          </a:p>
          <a:p>
            <a:r>
              <a:rPr lang="ja-JP" altLang="en-US" sz="1400" b="1" dirty="0" smtClean="0"/>
              <a:t>　</a:t>
            </a:r>
            <a:endParaRPr lang="en-US" altLang="ja-JP" sz="1400" b="1" baseline="30000" dirty="0"/>
          </a:p>
        </p:txBody>
      </p:sp>
      <p:sp>
        <p:nvSpPr>
          <p:cNvPr id="19" name="四角形吹き出し 18"/>
          <p:cNvSpPr/>
          <p:nvPr/>
        </p:nvSpPr>
        <p:spPr>
          <a:xfrm>
            <a:off x="5872757" y="894697"/>
            <a:ext cx="3153992" cy="3100830"/>
          </a:xfrm>
          <a:prstGeom prst="wedgeRectCallout">
            <a:avLst>
              <a:gd name="adj1" fmla="val -56839"/>
              <a:gd name="adj2" fmla="val 34465"/>
            </a:avLst>
          </a:prstGeom>
          <a:noFill/>
          <a:ln w="952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sp>
        <p:nvSpPr>
          <p:cNvPr id="20" name="四角形吹き出し 19"/>
          <p:cNvSpPr/>
          <p:nvPr/>
        </p:nvSpPr>
        <p:spPr>
          <a:xfrm>
            <a:off x="382772" y="3688674"/>
            <a:ext cx="2817628" cy="1944260"/>
          </a:xfrm>
          <a:prstGeom prst="wedgeRectCallout">
            <a:avLst>
              <a:gd name="adj1" fmla="val 57657"/>
              <a:gd name="adj2" fmla="val 37987"/>
            </a:avLst>
          </a:prstGeom>
          <a:noFill/>
          <a:ln w="952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sp>
        <p:nvSpPr>
          <p:cNvPr id="21" name="四角形吹き出し 20"/>
          <p:cNvSpPr/>
          <p:nvPr/>
        </p:nvSpPr>
        <p:spPr>
          <a:xfrm>
            <a:off x="364544" y="937387"/>
            <a:ext cx="2817628" cy="2383749"/>
          </a:xfrm>
          <a:prstGeom prst="wedgeRectCallout">
            <a:avLst>
              <a:gd name="adj1" fmla="val 59167"/>
              <a:gd name="adj2" fmla="val 93425"/>
            </a:avLst>
          </a:prstGeom>
          <a:solidFill>
            <a:schemeClr val="bg1"/>
          </a:solidFill>
          <a:ln w="76200">
            <a:solidFill>
              <a:srgbClr val="0000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pic>
        <p:nvPicPr>
          <p:cNvPr id="22" name="Picture 3" descr="ã3æ¬¡å æ ¼å­ãã®ç»åæ¤ç´¢çµæ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387" y="1836886"/>
            <a:ext cx="1570888" cy="1406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3" name="正方形/長方形 22"/>
          <p:cNvSpPr/>
          <p:nvPr/>
        </p:nvSpPr>
        <p:spPr>
          <a:xfrm>
            <a:off x="364544" y="1041410"/>
            <a:ext cx="2407529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2(</a:t>
            </a:r>
            <a:r>
              <a:rPr lang="ja-JP" altLang="en-US" sz="1400" b="1" u="sng" dirty="0" smtClean="0"/>
              <a:t>経由点</a:t>
            </a:r>
            <a:r>
              <a:rPr lang="en-US" altLang="ja-JP" sz="1400" b="1" u="sng" dirty="0" smtClean="0"/>
              <a:t>)</a:t>
            </a:r>
          </a:p>
          <a:p>
            <a:pPr fontAlgn="ctr"/>
            <a:r>
              <a:rPr lang="ja-JP" altLang="en-US" sz="1400" b="1" dirty="0" smtClean="0">
                <a:solidFill>
                  <a:srgbClr val="FF0000"/>
                </a:solidFill>
              </a:rPr>
              <a:t>　</a:t>
            </a:r>
            <a:endParaRPr lang="zh-TW" altLang="en-US" sz="1400" b="1" dirty="0">
              <a:latin typeface="+mn-ea"/>
            </a:endParaRPr>
          </a:p>
        </p:txBody>
      </p:sp>
      <p:sp>
        <p:nvSpPr>
          <p:cNvPr id="24" name="正方形/長方形 23"/>
          <p:cNvSpPr/>
          <p:nvPr/>
        </p:nvSpPr>
        <p:spPr>
          <a:xfrm>
            <a:off x="364995" y="1445895"/>
            <a:ext cx="2893741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ja-JP" sz="1600" b="1" dirty="0" smtClean="0">
                <a:solidFill>
                  <a:srgbClr val="FF0000"/>
                </a:solidFill>
              </a:rPr>
              <a:t>100x100x10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0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1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5" name="正方形/長方形 24"/>
          <p:cNvSpPr/>
          <p:nvPr/>
        </p:nvSpPr>
        <p:spPr>
          <a:xfrm>
            <a:off x="475387" y="4067263"/>
            <a:ext cx="1925527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ja-JP" sz="1600" b="1" dirty="0" smtClean="0">
                <a:solidFill>
                  <a:srgbClr val="FF0000"/>
                </a:solidFill>
              </a:rPr>
              <a:t>6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関節</a:t>
            </a:r>
            <a:r>
              <a:rPr lang="ja-JP" altLang="en-US" sz="1600" b="1" dirty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2.0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7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6" name="正方形/長方形 25"/>
          <p:cNvSpPr/>
          <p:nvPr/>
        </p:nvSpPr>
        <p:spPr>
          <a:xfrm>
            <a:off x="6248814" y="1312803"/>
            <a:ext cx="2270173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ja-JP" altLang="en-US" sz="1600" b="1" dirty="0" smtClean="0">
                <a:solidFill>
                  <a:srgbClr val="FF0000"/>
                </a:solidFill>
              </a:rPr>
              <a:t>都市数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2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2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8</a:t>
            </a:r>
            <a:endParaRPr lang="en-US" altLang="ja-JP" sz="1600" b="1" baseline="30000" dirty="0">
              <a:solidFill>
                <a:srgbClr val="FF0000"/>
              </a:solidFill>
            </a:endParaRPr>
          </a:p>
          <a:p>
            <a:r>
              <a:rPr lang="ja-JP" altLang="en-US" sz="1600" b="1" dirty="0" smtClean="0">
                <a:solidFill>
                  <a:srgbClr val="FF0000"/>
                </a:solidFill>
              </a:rPr>
              <a:t>都市</a:t>
            </a:r>
            <a:r>
              <a:rPr lang="ja-JP" altLang="en-US" sz="1600" b="1" dirty="0">
                <a:solidFill>
                  <a:srgbClr val="FF0000"/>
                </a:solidFill>
              </a:rPr>
              <a:t>数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3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3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32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7" name="テキスト ボックス 26"/>
          <p:cNvSpPr txBox="1"/>
          <p:nvPr/>
        </p:nvSpPr>
        <p:spPr>
          <a:xfrm>
            <a:off x="3499336" y="3281169"/>
            <a:ext cx="2097362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kumimoji="1" lang="ja-JP" altLang="en-US" sz="1400" b="1" dirty="0" smtClean="0"/>
              <a:t>手順探索 </a:t>
            </a:r>
            <a:r>
              <a:rPr kumimoji="1" lang="en-US" altLang="ja-JP" sz="1400" b="1" dirty="0" smtClean="0"/>
              <a:t>(</a:t>
            </a:r>
            <a:r>
              <a:rPr kumimoji="1" lang="ja-JP" altLang="en-US" sz="1400" b="1" dirty="0" smtClean="0"/>
              <a:t>階層</a:t>
            </a:r>
            <a:r>
              <a:rPr kumimoji="1" lang="en-US" altLang="ja-JP" sz="1400" b="1" dirty="0" smtClean="0"/>
              <a:t>1)</a:t>
            </a:r>
            <a:endParaRPr kumimoji="1" lang="ja-JP" altLang="en-US" sz="1400" b="1" dirty="0"/>
          </a:p>
        </p:txBody>
      </p:sp>
      <p:sp>
        <p:nvSpPr>
          <p:cNvPr id="28" name="テキスト ボックス 27"/>
          <p:cNvSpPr txBox="1"/>
          <p:nvPr/>
        </p:nvSpPr>
        <p:spPr>
          <a:xfrm>
            <a:off x="3499336" y="4291790"/>
            <a:ext cx="2097362" cy="307777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ja-JP" altLang="en-US" sz="1400" b="1" dirty="0" smtClean="0"/>
              <a:t>経由点</a:t>
            </a:r>
            <a:r>
              <a:rPr kumimoji="1" lang="ja-JP" altLang="en-US" sz="1400" b="1" dirty="0" smtClean="0"/>
              <a:t>探索 </a:t>
            </a:r>
            <a:r>
              <a:rPr kumimoji="1" lang="en-US" altLang="ja-JP" sz="1400" b="1" dirty="0" smtClean="0"/>
              <a:t>(</a:t>
            </a:r>
            <a:r>
              <a:rPr kumimoji="1" lang="ja-JP" altLang="en-US" sz="1400" b="1" dirty="0" smtClean="0"/>
              <a:t>階層</a:t>
            </a:r>
            <a:r>
              <a:rPr kumimoji="1" lang="en-US" altLang="ja-JP" sz="1400" b="1" dirty="0" smtClean="0"/>
              <a:t>2)</a:t>
            </a:r>
            <a:endParaRPr kumimoji="1" lang="ja-JP" altLang="en-US" sz="1400" b="1" dirty="0"/>
          </a:p>
        </p:txBody>
      </p:sp>
      <p:sp>
        <p:nvSpPr>
          <p:cNvPr id="29" name="テキスト ボックス 28"/>
          <p:cNvSpPr txBox="1"/>
          <p:nvPr/>
        </p:nvSpPr>
        <p:spPr>
          <a:xfrm>
            <a:off x="3499336" y="5317418"/>
            <a:ext cx="2097362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altLang="ja-JP" sz="1400" b="1" dirty="0" smtClean="0"/>
              <a:t>2</a:t>
            </a:r>
            <a:r>
              <a:rPr lang="ja-JP" altLang="en-US" sz="1400" b="1" dirty="0" smtClean="0"/>
              <a:t>点間移動 </a:t>
            </a:r>
            <a:r>
              <a:rPr lang="en-US" altLang="ja-JP" sz="1400" b="1" dirty="0" smtClean="0"/>
              <a:t>(</a:t>
            </a:r>
            <a:r>
              <a:rPr lang="ja-JP" altLang="en-US" sz="1400" b="1" dirty="0" smtClean="0"/>
              <a:t>階層</a:t>
            </a:r>
            <a:r>
              <a:rPr lang="en-US" altLang="ja-JP" sz="1400" b="1" dirty="0" smtClean="0"/>
              <a:t>3)</a:t>
            </a:r>
            <a:endParaRPr kumimoji="1" lang="ja-JP" altLang="en-US" sz="1400" b="1" dirty="0"/>
          </a:p>
        </p:txBody>
      </p:sp>
      <p:cxnSp>
        <p:nvCxnSpPr>
          <p:cNvPr id="30" name="直線矢印コネクタ 29"/>
          <p:cNvCxnSpPr>
            <a:stCxn id="27" idx="2"/>
            <a:endCxn id="28" idx="0"/>
          </p:cNvCxnSpPr>
          <p:nvPr/>
        </p:nvCxnSpPr>
        <p:spPr>
          <a:xfrm>
            <a:off x="4548017" y="3588946"/>
            <a:ext cx="0" cy="702844"/>
          </a:xfrm>
          <a:prstGeom prst="straightConnector1">
            <a:avLst/>
          </a:prstGeom>
          <a:ln w="19050"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1" name="直線矢印コネクタ 30"/>
          <p:cNvCxnSpPr>
            <a:stCxn id="28" idx="2"/>
            <a:endCxn id="29" idx="0"/>
          </p:cNvCxnSpPr>
          <p:nvPr/>
        </p:nvCxnSpPr>
        <p:spPr>
          <a:xfrm>
            <a:off x="4548017" y="4599567"/>
            <a:ext cx="0" cy="717851"/>
          </a:xfrm>
          <a:prstGeom prst="straightConnector1">
            <a:avLst/>
          </a:prstGeom>
          <a:ln w="19050"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32" name="Picture 2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63536" y="1230880"/>
            <a:ext cx="1968961" cy="17798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3" name="正方形/長方形 32"/>
          <p:cNvSpPr/>
          <p:nvPr/>
        </p:nvSpPr>
        <p:spPr>
          <a:xfrm>
            <a:off x="3386693" y="854363"/>
            <a:ext cx="2561945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00"/>
                </a:solidFill>
                <a:latin typeface="+mn-ea"/>
              </a:rPr>
              <a:t>対象タスク：ロボット組立問題</a:t>
            </a:r>
            <a:endParaRPr lang="zh-TW" altLang="en-US" sz="1400" b="1" dirty="0">
              <a:solidFill>
                <a:srgbClr val="000000"/>
              </a:solidFill>
              <a:latin typeface="+mn-ea"/>
            </a:endParaRPr>
          </a:p>
        </p:txBody>
      </p:sp>
      <p:sp>
        <p:nvSpPr>
          <p:cNvPr id="37" name="正方形/長方形 36"/>
          <p:cNvSpPr/>
          <p:nvPr/>
        </p:nvSpPr>
        <p:spPr>
          <a:xfrm>
            <a:off x="1510953" y="4547964"/>
            <a:ext cx="151812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ja-JP" sz="1000" dirty="0"/>
              <a:t>J1</a:t>
            </a:r>
            <a:r>
              <a:rPr lang="ja-JP" altLang="en-US" sz="1000" dirty="0"/>
              <a:t>： </a:t>
            </a:r>
            <a:r>
              <a:rPr lang="en-US" altLang="ja-JP" sz="1000" dirty="0"/>
              <a:t>+/- 180</a:t>
            </a:r>
            <a:r>
              <a:rPr lang="en-US" altLang="ja-JP" sz="1000" dirty="0" smtClean="0"/>
              <a:t>°</a:t>
            </a:r>
            <a:endParaRPr lang="en-US" altLang="ja-JP" sz="1000" dirty="0"/>
          </a:p>
          <a:p>
            <a:r>
              <a:rPr lang="en-US" altLang="ja-JP" sz="1000" dirty="0"/>
              <a:t>J2</a:t>
            </a:r>
            <a:r>
              <a:rPr lang="ja-JP" altLang="en-US" sz="1000" dirty="0"/>
              <a:t>： </a:t>
            </a:r>
            <a:r>
              <a:rPr lang="en-US" altLang="ja-JP" sz="1000" dirty="0"/>
              <a:t>+120°, -115°</a:t>
            </a:r>
          </a:p>
          <a:p>
            <a:r>
              <a:rPr lang="en-US" altLang="ja-JP" sz="1000" dirty="0"/>
              <a:t>J3</a:t>
            </a:r>
            <a:r>
              <a:rPr lang="ja-JP" altLang="en-US" sz="1000" dirty="0"/>
              <a:t>： </a:t>
            </a:r>
            <a:r>
              <a:rPr lang="en-US" altLang="ja-JP" sz="1000" dirty="0"/>
              <a:t>+141°, -115°</a:t>
            </a:r>
          </a:p>
          <a:p>
            <a:r>
              <a:rPr lang="en-US" altLang="ja-JP" sz="1000" dirty="0"/>
              <a:t>J4</a:t>
            </a:r>
            <a:r>
              <a:rPr lang="ja-JP" altLang="en-US" sz="1000" dirty="0"/>
              <a:t>： </a:t>
            </a:r>
            <a:r>
              <a:rPr lang="en-US" altLang="ja-JP" sz="1000" dirty="0"/>
              <a:t>+/- 270°</a:t>
            </a:r>
          </a:p>
          <a:p>
            <a:r>
              <a:rPr lang="en-US" altLang="ja-JP" sz="1000" dirty="0"/>
              <a:t>J5</a:t>
            </a:r>
            <a:r>
              <a:rPr lang="ja-JP" altLang="en-US" sz="1000" dirty="0" smtClean="0"/>
              <a:t>： </a:t>
            </a:r>
            <a:r>
              <a:rPr lang="en-US" altLang="ja-JP" sz="1000" dirty="0"/>
              <a:t>+/- 115</a:t>
            </a:r>
            <a:r>
              <a:rPr lang="en-US" altLang="ja-JP" sz="1000" dirty="0" smtClean="0"/>
              <a:t>°</a:t>
            </a:r>
            <a:endParaRPr lang="en-US" altLang="ja-JP" sz="1000" dirty="0"/>
          </a:p>
          <a:p>
            <a:r>
              <a:rPr lang="en-US" altLang="ja-JP" sz="1000" dirty="0"/>
              <a:t>J6</a:t>
            </a:r>
            <a:r>
              <a:rPr lang="ja-JP" altLang="en-US" sz="1000" dirty="0"/>
              <a:t>： </a:t>
            </a:r>
            <a:r>
              <a:rPr lang="en-US" altLang="ja-JP" sz="1000" dirty="0"/>
              <a:t>+/- 360°</a:t>
            </a:r>
            <a:endParaRPr lang="ja-JP" altLang="en-US" sz="1000" dirty="0"/>
          </a:p>
        </p:txBody>
      </p:sp>
      <p:pic>
        <p:nvPicPr>
          <p:cNvPr id="39" name="Picture 10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23956" y="2097407"/>
            <a:ext cx="905124" cy="7893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0" name="正方形/長方形 39"/>
          <p:cNvSpPr/>
          <p:nvPr/>
        </p:nvSpPr>
        <p:spPr>
          <a:xfrm>
            <a:off x="7214351" y="967173"/>
            <a:ext cx="164368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巡回ｾｰﾙｽﾏﾝ問題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1" name="正方形/長方形 40"/>
          <p:cNvSpPr/>
          <p:nvPr/>
        </p:nvSpPr>
        <p:spPr>
          <a:xfrm>
            <a:off x="1689037" y="1054844"/>
            <a:ext cx="139573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パスプランニング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2" name="正方形/長方形 41"/>
          <p:cNvSpPr/>
          <p:nvPr/>
        </p:nvSpPr>
        <p:spPr>
          <a:xfrm>
            <a:off x="1520012" y="3735111"/>
            <a:ext cx="139573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ロボット制御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3" name="正方形/長方形 42"/>
          <p:cNvSpPr/>
          <p:nvPr/>
        </p:nvSpPr>
        <p:spPr>
          <a:xfrm>
            <a:off x="6858036" y="2029817"/>
            <a:ext cx="2028397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ja-JP" sz="1000" dirty="0" smtClean="0"/>
              <a:t>※1</a:t>
            </a:r>
            <a:r>
              <a:rPr lang="ja-JP" altLang="en-US" sz="1000" dirty="0" smtClean="0"/>
              <a:t>　スーパーコンピュータ京</a:t>
            </a:r>
            <a:endParaRPr lang="en-US" altLang="ja-JP" sz="1000" dirty="0" smtClean="0"/>
          </a:p>
        </p:txBody>
      </p:sp>
      <p:sp>
        <p:nvSpPr>
          <p:cNvPr id="44" name="正方形/長方形 43"/>
          <p:cNvSpPr/>
          <p:nvPr/>
        </p:nvSpPr>
        <p:spPr>
          <a:xfrm>
            <a:off x="250244" y="5736431"/>
            <a:ext cx="8636189" cy="584775"/>
          </a:xfrm>
          <a:prstGeom prst="rect">
            <a:avLst/>
          </a:prstGeom>
          <a:solidFill>
            <a:schemeClr val="bg2"/>
          </a:solidFill>
        </p:spPr>
        <p:txBody>
          <a:bodyPr wrap="square">
            <a:spAutoFit/>
          </a:bodyPr>
          <a:lstStyle/>
          <a:p>
            <a:pPr algn="ctr" fontAlgn="base"/>
            <a:r>
              <a:rPr lang="ja-JP" altLang="en-US" sz="1600" b="1" dirty="0" smtClean="0">
                <a:solidFill>
                  <a:schemeClr val="bg1"/>
                </a:solidFill>
              </a:rPr>
              <a:t>各階層</a:t>
            </a:r>
            <a:r>
              <a:rPr lang="ja-JP" altLang="en-US" sz="1600" b="1" dirty="0">
                <a:solidFill>
                  <a:schemeClr val="bg1"/>
                </a:solidFill>
              </a:rPr>
              <a:t>単体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でも膨大な探索空間であるため、探索を効率良く行う枠組み</a:t>
            </a:r>
            <a:r>
              <a:rPr lang="en-US" altLang="ja-JP" sz="1600" b="1" dirty="0" smtClean="0">
                <a:solidFill>
                  <a:schemeClr val="bg1"/>
                </a:solidFill>
              </a:rPr>
              <a:t>(※)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が必要である</a:t>
            </a:r>
            <a:endParaRPr lang="en-US" altLang="ja-JP" sz="1600" b="1" dirty="0" smtClean="0">
              <a:solidFill>
                <a:schemeClr val="bg1"/>
              </a:solidFill>
            </a:endParaRPr>
          </a:p>
          <a:p>
            <a:pPr algn="ctr" fontAlgn="base"/>
            <a:r>
              <a:rPr lang="en-US" altLang="ja-JP" sz="1600" b="1" dirty="0" smtClean="0">
                <a:solidFill>
                  <a:schemeClr val="bg1"/>
                </a:solidFill>
              </a:rPr>
              <a:t>※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各階層ごとに最適化を図り、</a:t>
            </a:r>
            <a:r>
              <a:rPr lang="ja-JP" altLang="en-US" sz="1600" b="1" dirty="0">
                <a:solidFill>
                  <a:schemeClr val="bg1"/>
                </a:solidFill>
              </a:rPr>
              <a:t>それに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より全体での最適化も図られる手法を検討する</a:t>
            </a:r>
            <a:endParaRPr lang="en-US" altLang="ja-JP" sz="1600" b="1" dirty="0">
              <a:solidFill>
                <a:schemeClr val="bg1"/>
              </a:solidFill>
            </a:endParaRPr>
          </a:p>
        </p:txBody>
      </p:sp>
      <p:sp>
        <p:nvSpPr>
          <p:cNvPr id="45" name="正方形/長方形 44"/>
          <p:cNvSpPr/>
          <p:nvPr/>
        </p:nvSpPr>
        <p:spPr>
          <a:xfrm>
            <a:off x="6012160" y="119807"/>
            <a:ext cx="1440160" cy="288032"/>
          </a:xfrm>
          <a:prstGeom prst="rect">
            <a:avLst/>
          </a:prstGeom>
          <a:solidFill>
            <a:srgbClr val="FFC0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ja-JP" altLang="en-US" sz="1600" dirty="0" smtClean="0">
                <a:solidFill>
                  <a:schemeClr val="tx1"/>
                </a:solidFill>
              </a:rPr>
              <a:t>前回報告済み</a:t>
            </a:r>
            <a:endParaRPr kumimoji="1" lang="ja-JP" altLang="en-US" sz="1600" dirty="0">
              <a:solidFill>
                <a:schemeClr val="tx1"/>
              </a:solidFill>
            </a:endParaRPr>
          </a:p>
        </p:txBody>
      </p:sp>
      <p:sp>
        <p:nvSpPr>
          <p:cNvPr id="3" name="テキスト ボックス 2"/>
          <p:cNvSpPr txBox="1"/>
          <p:nvPr/>
        </p:nvSpPr>
        <p:spPr>
          <a:xfrm>
            <a:off x="6724650" y="587603"/>
            <a:ext cx="158118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ja-JP" altLang="en-US" sz="1400" b="1" dirty="0" smtClean="0"/>
              <a:t>本日報告</a:t>
            </a:r>
            <a:r>
              <a:rPr kumimoji="1" lang="en-US" altLang="ja-JP" sz="1400" b="1" dirty="0" smtClean="0"/>
              <a:t>(</a:t>
            </a:r>
            <a:r>
              <a:rPr kumimoji="1" lang="ja-JP" altLang="en-US" sz="1400" b="1" dirty="0" smtClean="0"/>
              <a:t>劉</a:t>
            </a:r>
            <a:r>
              <a:rPr kumimoji="1" lang="en-US" altLang="ja-JP" sz="1400" b="1" dirty="0" smtClean="0"/>
              <a:t>T)</a:t>
            </a:r>
            <a:endParaRPr kumimoji="1" lang="ja-JP" altLang="en-US" sz="1400" b="1" dirty="0"/>
          </a:p>
        </p:txBody>
      </p:sp>
      <p:sp>
        <p:nvSpPr>
          <p:cNvPr id="46" name="テキスト ボックス 45"/>
          <p:cNvSpPr txBox="1"/>
          <p:nvPr/>
        </p:nvSpPr>
        <p:spPr>
          <a:xfrm>
            <a:off x="866775" y="609101"/>
            <a:ext cx="158902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ja-JP" altLang="en-US" sz="1400" b="1" dirty="0" smtClean="0">
                <a:solidFill>
                  <a:srgbClr val="FF0000"/>
                </a:solidFill>
              </a:rPr>
              <a:t>本日報告</a:t>
            </a:r>
            <a:r>
              <a:rPr kumimoji="1" lang="en-US" altLang="ja-JP" sz="1400" b="1" dirty="0" smtClean="0">
                <a:solidFill>
                  <a:srgbClr val="FF0000"/>
                </a:solidFill>
              </a:rPr>
              <a:t>(</a:t>
            </a:r>
            <a:r>
              <a:rPr kumimoji="1" lang="ja-JP" altLang="en-US" sz="1400" b="1" dirty="0" smtClean="0">
                <a:solidFill>
                  <a:srgbClr val="FF0000"/>
                </a:solidFill>
              </a:rPr>
              <a:t>蓑谷</a:t>
            </a:r>
            <a:r>
              <a:rPr kumimoji="1" lang="en-US" altLang="ja-JP" sz="1400" b="1" dirty="0" smtClean="0">
                <a:solidFill>
                  <a:srgbClr val="FF0000"/>
                </a:solidFill>
              </a:rPr>
              <a:t>T)</a:t>
            </a:r>
            <a:endParaRPr kumimoji="1" lang="ja-JP" altLang="en-US" sz="1400" b="1" dirty="0">
              <a:solidFill>
                <a:srgbClr val="FF0000"/>
              </a:solidFill>
            </a:endParaRPr>
          </a:p>
        </p:txBody>
      </p:sp>
      <p:sp>
        <p:nvSpPr>
          <p:cNvPr id="48" name="正方形/長方形 47"/>
          <p:cNvSpPr/>
          <p:nvPr/>
        </p:nvSpPr>
        <p:spPr>
          <a:xfrm>
            <a:off x="5777345" y="4549025"/>
            <a:ext cx="3205861" cy="1015663"/>
          </a:xfrm>
          <a:prstGeom prst="rect">
            <a:avLst/>
          </a:prstGeom>
          <a:solidFill>
            <a:srgbClr val="FFFD78"/>
          </a:solidFill>
        </p:spPr>
        <p:txBody>
          <a:bodyPr wrap="square">
            <a:spAutoFit/>
          </a:bodyPr>
          <a:lstStyle/>
          <a:p>
            <a:r>
              <a:rPr lang="ja-JP" altLang="en-US" sz="1500" b="1" u="sng" dirty="0"/>
              <a:t>ウェーブ</a:t>
            </a:r>
            <a:r>
              <a:rPr lang="ja-JP" altLang="en-US" sz="1500" b="1" u="sng" dirty="0" smtClean="0"/>
              <a:t>要求スペック：</a:t>
            </a:r>
            <a:endParaRPr lang="en-US" altLang="ja-JP" sz="1500" b="1" u="sng" dirty="0" smtClean="0"/>
          </a:p>
          <a:p>
            <a:r>
              <a:rPr lang="ja-JP" altLang="en-US" sz="1500" b="1" dirty="0" smtClean="0"/>
              <a:t>　①部品数</a:t>
            </a:r>
            <a:r>
              <a:rPr lang="en-US" altLang="ja-JP" sz="1500" b="1" dirty="0" smtClean="0"/>
              <a:t>10</a:t>
            </a:r>
            <a:r>
              <a:rPr lang="ja-JP" altLang="en-US" sz="1500" b="1" dirty="0" smtClean="0"/>
              <a:t>～</a:t>
            </a:r>
            <a:r>
              <a:rPr lang="en-US" altLang="ja-JP" sz="1500" b="1" dirty="0" smtClean="0"/>
              <a:t>100(</a:t>
            </a:r>
            <a:r>
              <a:rPr lang="ja-JP" altLang="en-US" sz="1500" b="1" dirty="0" smtClean="0"/>
              <a:t>階層</a:t>
            </a:r>
            <a:r>
              <a:rPr lang="en-US" altLang="ja-JP" sz="1500" b="1" dirty="0" smtClean="0"/>
              <a:t>1)</a:t>
            </a:r>
          </a:p>
          <a:p>
            <a:r>
              <a:rPr lang="ja-JP" altLang="en-US" sz="1500" b="1" dirty="0">
                <a:solidFill>
                  <a:srgbClr val="FF0000"/>
                </a:solidFill>
              </a:rPr>
              <a:t>　②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空間サイズ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1~3cm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間隔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(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階層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2)</a:t>
            </a:r>
          </a:p>
          <a:p>
            <a:r>
              <a:rPr lang="ja-JP" altLang="en-US" sz="1500" b="1" dirty="0" smtClean="0">
                <a:solidFill>
                  <a:srgbClr val="FF0000"/>
                </a:solidFill>
              </a:rPr>
              <a:t>　②安定した収束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(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階層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1,2,3)</a:t>
            </a:r>
            <a:endParaRPr lang="ja-JP" altLang="en-US" sz="1500" dirty="0">
              <a:solidFill>
                <a:srgbClr val="FF0000"/>
              </a:solidFill>
            </a:endParaRPr>
          </a:p>
        </p:txBody>
      </p:sp>
      <p:sp>
        <p:nvSpPr>
          <p:cNvPr id="49" name="テキスト ボックス 48"/>
          <p:cNvSpPr txBox="1"/>
          <p:nvPr/>
        </p:nvSpPr>
        <p:spPr>
          <a:xfrm>
            <a:off x="945014" y="2973392"/>
            <a:ext cx="158902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ja-JP" altLang="en-US" sz="1400" b="1" dirty="0" smtClean="0">
                <a:solidFill>
                  <a:srgbClr val="FF0000"/>
                </a:solidFill>
              </a:rPr>
              <a:t>高次元化への対応</a:t>
            </a:r>
            <a:endParaRPr kumimoji="1" lang="ja-JP" altLang="en-US" sz="14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199853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/>
            </a:r>
            <a:br>
              <a:rPr kumimoji="1" lang="en-US" altLang="ja-JP" dirty="0" smtClean="0"/>
            </a:br>
            <a:r>
              <a:rPr kumimoji="1" lang="en-US" altLang="ja-JP" dirty="0" smtClean="0">
                <a:solidFill>
                  <a:srgbClr val="FFFF00"/>
                </a:solidFill>
              </a:rPr>
              <a:t>1. Timeline</a:t>
            </a:r>
            <a:br>
              <a:rPr kumimoji="1"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/>
              <a:t>2. Background</a:t>
            </a:r>
            <a:br>
              <a:rPr lang="en-US" altLang="ja-JP" dirty="0" smtClean="0"/>
            </a:br>
            <a:r>
              <a:rPr lang="en-US" altLang="ja-JP" dirty="0" smtClean="0"/>
              <a:t>3. Deep Reinforcement Learning</a:t>
            </a:r>
            <a:br>
              <a:rPr lang="en-US" altLang="ja-JP" dirty="0" smtClean="0"/>
            </a:br>
            <a:r>
              <a:rPr lang="en-US" altLang="ja-JP" dirty="0"/>
              <a:t>4. Conclusion &amp; Future Works</a:t>
            </a:r>
            <a:endParaRPr kumimoji="1" lang="ja-JP" altLang="en-US" dirty="0"/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altLang="ja-JP" dirty="0" smtClean="0"/>
              <a:t>Outline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32752623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Timeline</a:t>
            </a:r>
            <a:endParaRPr kumimoji="1" lang="ja-JP" altLang="en-US" dirty="0"/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0" y="839788"/>
            <a:ext cx="9143999" cy="2957512"/>
          </a:xfrm>
        </p:spPr>
        <p:txBody>
          <a:bodyPr/>
          <a:lstStyle/>
          <a:p>
            <a:pPr>
              <a:buNone/>
            </a:pPr>
            <a:endParaRPr lang="en-US" altLang="zh-TW" sz="3200" dirty="0" smtClean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4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21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0505926" y="4419313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B_00000000000000000000000000000000_ScaleContainer"/>
          <p:cNvSpPr/>
          <p:nvPr/>
        </p:nvSpPr>
        <p:spPr>
          <a:xfrm>
            <a:off x="290546" y="1258385"/>
            <a:ext cx="8548654" cy="440055"/>
          </a:xfrm>
          <a:prstGeom prst="roundRect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87" name="OTLSHAPE_TB_00000000000000000000000000000000_TimescaleInterval7"/>
          <p:cNvSpPr txBox="1"/>
          <p:nvPr/>
        </p:nvSpPr>
        <p:spPr>
          <a:xfrm>
            <a:off x="6774979" y="1409506"/>
            <a:ext cx="479718" cy="2354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grpSp>
        <p:nvGrpSpPr>
          <p:cNvPr id="142" name="グループ化 141"/>
          <p:cNvGrpSpPr/>
          <p:nvPr/>
        </p:nvGrpSpPr>
        <p:grpSpPr>
          <a:xfrm>
            <a:off x="1040668" y="1756443"/>
            <a:ext cx="152400" cy="1314112"/>
            <a:chOff x="4643601" y="3316714"/>
            <a:chExt cx="152400" cy="1314112"/>
          </a:xfrm>
        </p:grpSpPr>
        <p:cxnSp>
          <p:nvCxnSpPr>
            <p:cNvPr id="77" name="OTLSHAPE_M_a7ec496550fa43e381d505c9e20d1dd9_Connector1"/>
            <p:cNvCxnSpPr/>
            <p:nvPr/>
          </p:nvCxnSpPr>
          <p:spPr>
            <a:xfrm>
              <a:off x="4719801" y="3405614"/>
              <a:ext cx="0" cy="1225212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2" name="OTLSHAPE_M_a7ec496550fa43e381d505c9e20d1dd9_Shape"/>
            <p:cNvSpPr/>
            <p:nvPr/>
          </p:nvSpPr>
          <p:spPr>
            <a:xfrm>
              <a:off x="4643601" y="3316714"/>
              <a:ext cx="152400" cy="177800"/>
            </a:xfrm>
            <a:prstGeom prst="triangl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</p:grpSp>
      <p:grpSp>
        <p:nvGrpSpPr>
          <p:cNvPr id="140" name="グループ化 139"/>
          <p:cNvGrpSpPr/>
          <p:nvPr/>
        </p:nvGrpSpPr>
        <p:grpSpPr>
          <a:xfrm>
            <a:off x="3340054" y="1738291"/>
            <a:ext cx="152400" cy="1133688"/>
            <a:chOff x="4225759" y="1638085"/>
            <a:chExt cx="152400" cy="1133688"/>
          </a:xfrm>
        </p:grpSpPr>
        <p:cxnSp>
          <p:nvCxnSpPr>
            <p:cNvPr id="74" name="OTLSHAPE_M_32e754a4ad894522b2c68f667c7e3b92_Connector1"/>
            <p:cNvCxnSpPr/>
            <p:nvPr/>
          </p:nvCxnSpPr>
          <p:spPr>
            <a:xfrm>
              <a:off x="4301959" y="1726985"/>
              <a:ext cx="0" cy="1044788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5" name="OTLSHAPE_M_32e754a4ad894522b2c68f667c7e3b92_Shape"/>
            <p:cNvSpPr/>
            <p:nvPr/>
          </p:nvSpPr>
          <p:spPr>
            <a:xfrm>
              <a:off x="4225759" y="1638085"/>
              <a:ext cx="152400" cy="177800"/>
            </a:xfrm>
            <a:prstGeom prst="triangl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>
                <a:solidFill>
                  <a:schemeClr val="tx1">
                    <a:lumMod val="85000"/>
                    <a:lumOff val="15000"/>
                  </a:schemeClr>
                </a:solidFill>
              </a:endParaRPr>
            </a:p>
          </p:txBody>
        </p:sp>
      </p:grpSp>
      <p:sp>
        <p:nvSpPr>
          <p:cNvPr id="106" name="OTLSHAPE_M_702056da381246079aaaa6c03a8d9401_Title"/>
          <p:cNvSpPr txBox="1"/>
          <p:nvPr/>
        </p:nvSpPr>
        <p:spPr>
          <a:xfrm>
            <a:off x="5814480" y="2871979"/>
            <a:ext cx="313370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 b="1" spc="-6" dirty="0" smtClean="0">
                <a:solidFill>
                  <a:schemeClr val="accent4"/>
                </a:solidFill>
                <a:latin typeface="Calibri" panose="020F0502020204030204" pitchFamily="34" charset="0"/>
              </a:rPr>
              <a:t>Apply several methods to improve performance</a:t>
            </a:r>
            <a:endParaRPr lang="en-US" sz="2400" b="1" spc="-6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grpSp>
        <p:nvGrpSpPr>
          <p:cNvPr id="139" name="グループ化 138"/>
          <p:cNvGrpSpPr/>
          <p:nvPr/>
        </p:nvGrpSpPr>
        <p:grpSpPr>
          <a:xfrm>
            <a:off x="6162827" y="1726801"/>
            <a:ext cx="152400" cy="1108288"/>
            <a:chOff x="4800858" y="1725243"/>
            <a:chExt cx="152400" cy="1108288"/>
          </a:xfrm>
        </p:grpSpPr>
        <p:cxnSp>
          <p:nvCxnSpPr>
            <p:cNvPr id="72" name="OTLSHAPE_M_702056da381246079aaaa6c03a8d9401_Connector1"/>
            <p:cNvCxnSpPr/>
            <p:nvPr/>
          </p:nvCxnSpPr>
          <p:spPr>
            <a:xfrm>
              <a:off x="4877058" y="1814143"/>
              <a:ext cx="0" cy="1019388"/>
            </a:xfrm>
            <a:prstGeom prst="line">
              <a:avLst/>
            </a:prstGeom>
            <a:ln w="9525" cap="flat" cmpd="sng" algn="ctr">
              <a:solidFill>
                <a:schemeClr val="accent4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8" name="OTLSHAPE_M_702056da381246079aaaa6c03a8d9401_Shape"/>
            <p:cNvSpPr/>
            <p:nvPr/>
          </p:nvSpPr>
          <p:spPr>
            <a:xfrm>
              <a:off x="4800858" y="1725243"/>
              <a:ext cx="152400" cy="177800"/>
            </a:xfrm>
            <a:prstGeom prst="triangl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</p:grpSp>
      <p:sp>
        <p:nvSpPr>
          <p:cNvPr id="130" name="OTLSHAPE_TB_00000000000000000000000000000000_TimescaleInterval7"/>
          <p:cNvSpPr txBox="1"/>
          <p:nvPr/>
        </p:nvSpPr>
        <p:spPr>
          <a:xfrm>
            <a:off x="3284225" y="1342638"/>
            <a:ext cx="63337" cy="2354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800" spc="-20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r>
              <a:rPr lang="zh-TW" altLang="en-US" sz="2400" spc="-20" dirty="0">
                <a:solidFill>
                  <a:schemeClr val="lt1"/>
                </a:solidFill>
                <a:latin typeface="Calibri" panose="020F0502020204030204" pitchFamily="34" charset="0"/>
              </a:rPr>
              <a:t>月</a:t>
            </a:r>
            <a:endParaRPr lang="en-US" sz="28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B_00000000000000000000000000000000_TimescaleInterval7"/>
          <p:cNvSpPr txBox="1"/>
          <p:nvPr/>
        </p:nvSpPr>
        <p:spPr>
          <a:xfrm>
            <a:off x="837115" y="1335966"/>
            <a:ext cx="559506" cy="2354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r>
              <a:rPr lang="zh-TW" altLang="en-US" sz="24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月</a:t>
            </a:r>
            <a:endParaRPr lang="en-US" sz="24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B_00000000000000000000000000000000_TimescaleInterval7"/>
          <p:cNvSpPr txBox="1"/>
          <p:nvPr/>
        </p:nvSpPr>
        <p:spPr>
          <a:xfrm>
            <a:off x="6598038" y="1353905"/>
            <a:ext cx="63337" cy="2354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zh-TW" sz="3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r>
              <a:rPr lang="zh-TW" altLang="en-US" sz="24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月</a:t>
            </a:r>
            <a:endParaRPr lang="en-US" sz="24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M_702056da381246079aaaa6c03a8d9401_Title"/>
          <p:cNvSpPr txBox="1"/>
          <p:nvPr/>
        </p:nvSpPr>
        <p:spPr>
          <a:xfrm>
            <a:off x="505986" y="3126150"/>
            <a:ext cx="1415452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altLang="ja-JP" sz="2000" b="1" spc="-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Arrive Japan</a:t>
            </a:r>
            <a:endParaRPr lang="en-US" sz="2000" b="1" spc="-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702056da381246079aaaa6c03a8d9401_Title"/>
          <p:cNvSpPr txBox="1"/>
          <p:nvPr/>
        </p:nvSpPr>
        <p:spPr>
          <a:xfrm>
            <a:off x="2498605" y="2801013"/>
            <a:ext cx="1403265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altLang="ja-JP" sz="2000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Settle down</a:t>
            </a:r>
          </a:p>
          <a:p>
            <a:pPr algn="ctr"/>
            <a:r>
              <a:rPr lang="en-US" altLang="ja-JP" sz="2000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In  </a:t>
            </a:r>
            <a:r>
              <a:rPr lang="zh-TW" altLang="en-US" sz="2000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先端研</a:t>
            </a:r>
            <a:r>
              <a:rPr lang="en-US" altLang="ja-JP" sz="2000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 </a:t>
            </a:r>
            <a:endParaRPr lang="en-US" sz="2000" b="1" spc="-6" dirty="0">
              <a:solidFill>
                <a:schemeClr val="tx1">
                  <a:lumMod val="85000"/>
                  <a:lumOff val="15000"/>
                </a:schemeClr>
              </a:solidFill>
              <a:latin typeface="Calibri" panose="020F0502020204030204" pitchFamily="34" charset="0"/>
            </a:endParaRPr>
          </a:p>
        </p:txBody>
      </p:sp>
      <p:grpSp>
        <p:nvGrpSpPr>
          <p:cNvPr id="146" name="グループ化 145"/>
          <p:cNvGrpSpPr/>
          <p:nvPr/>
        </p:nvGrpSpPr>
        <p:grpSpPr>
          <a:xfrm>
            <a:off x="3912797" y="1738291"/>
            <a:ext cx="168316" cy="1854478"/>
            <a:chOff x="4225759" y="1638085"/>
            <a:chExt cx="152400" cy="1133688"/>
          </a:xfrm>
        </p:grpSpPr>
        <p:cxnSp>
          <p:nvCxnSpPr>
            <p:cNvPr id="147" name="OTLSHAPE_M_32e754a4ad894522b2c68f667c7e3b92_Connector1"/>
            <p:cNvCxnSpPr/>
            <p:nvPr/>
          </p:nvCxnSpPr>
          <p:spPr>
            <a:xfrm>
              <a:off x="4301959" y="1726985"/>
              <a:ext cx="0" cy="1044788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8" name="OTLSHAPE_M_32e754a4ad894522b2c68f667c7e3b92_Shape"/>
            <p:cNvSpPr/>
            <p:nvPr/>
          </p:nvSpPr>
          <p:spPr>
            <a:xfrm>
              <a:off x="4225759" y="1638085"/>
              <a:ext cx="152400" cy="177800"/>
            </a:xfrm>
            <a:prstGeom prst="triangl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>
                <a:solidFill>
                  <a:schemeClr val="tx1">
                    <a:lumMod val="85000"/>
                    <a:lumOff val="15000"/>
                  </a:schemeClr>
                </a:solidFill>
              </a:endParaRPr>
            </a:p>
          </p:txBody>
        </p:sp>
      </p:grpSp>
      <p:sp>
        <p:nvSpPr>
          <p:cNvPr id="149" name="OTLSHAPE_M_702056da381246079aaaa6c03a8d9401_Title"/>
          <p:cNvSpPr txBox="1"/>
          <p:nvPr/>
        </p:nvSpPr>
        <p:spPr>
          <a:xfrm>
            <a:off x="3193621" y="3501481"/>
            <a:ext cx="1456983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Build</a:t>
            </a:r>
          </a:p>
          <a:p>
            <a:pPr algn="ctr"/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Environment</a:t>
            </a:r>
          </a:p>
          <a:p>
            <a:pPr algn="ctr"/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(New PC, Linux OS, </a:t>
            </a:r>
            <a:r>
              <a:rPr lang="en-US" b="1" spc="-6" dirty="0" err="1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Tensorflow</a:t>
            </a:r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, </a:t>
            </a:r>
            <a:r>
              <a:rPr lang="en-US" b="1" spc="-6" dirty="0" err="1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Keras</a:t>
            </a:r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 …)</a:t>
            </a:r>
          </a:p>
        </p:txBody>
      </p:sp>
      <p:sp>
        <p:nvSpPr>
          <p:cNvPr id="156" name="OTLSHAPE_M_702056da381246079aaaa6c03a8d9401_Title"/>
          <p:cNvSpPr txBox="1"/>
          <p:nvPr/>
        </p:nvSpPr>
        <p:spPr>
          <a:xfrm>
            <a:off x="3372987" y="5233576"/>
            <a:ext cx="2441493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-Start to implement Maze and DQN   </a:t>
            </a:r>
          </a:p>
        </p:txBody>
      </p:sp>
      <p:grpSp>
        <p:nvGrpSpPr>
          <p:cNvPr id="168" name="グループ化 167"/>
          <p:cNvGrpSpPr/>
          <p:nvPr/>
        </p:nvGrpSpPr>
        <p:grpSpPr>
          <a:xfrm>
            <a:off x="4498648" y="1710989"/>
            <a:ext cx="190172" cy="3522587"/>
            <a:chOff x="4498648" y="1710989"/>
            <a:chExt cx="190172" cy="3522587"/>
          </a:xfrm>
        </p:grpSpPr>
        <p:grpSp>
          <p:nvGrpSpPr>
            <p:cNvPr id="150" name="グループ化 149"/>
            <p:cNvGrpSpPr/>
            <p:nvPr/>
          </p:nvGrpSpPr>
          <p:grpSpPr>
            <a:xfrm>
              <a:off x="4498648" y="1710989"/>
              <a:ext cx="190172" cy="2353011"/>
              <a:chOff x="4225759" y="1638085"/>
              <a:chExt cx="152400" cy="1298552"/>
            </a:xfrm>
          </p:grpSpPr>
          <p:cxnSp>
            <p:nvCxnSpPr>
              <p:cNvPr id="151" name="OTLSHAPE_M_32e754a4ad894522b2c68f667c7e3b92_Connector1"/>
              <p:cNvCxnSpPr/>
              <p:nvPr/>
            </p:nvCxnSpPr>
            <p:spPr>
              <a:xfrm>
                <a:off x="4301959" y="1726985"/>
                <a:ext cx="0" cy="1209652"/>
              </a:xfrm>
              <a:prstGeom prst="line">
                <a:avLst/>
              </a:prstGeom>
              <a:ln w="9525" cap="flat" cmpd="sng" algn="ctr">
                <a:solidFill>
                  <a:schemeClr val="accent3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2" name="OTLSHAPE_M_32e754a4ad894522b2c68f667c7e3b92_Shape"/>
              <p:cNvSpPr/>
              <p:nvPr/>
            </p:nvSpPr>
            <p:spPr>
              <a:xfrm>
                <a:off x="4225759" y="1638085"/>
                <a:ext cx="152400" cy="177800"/>
              </a:xfrm>
              <a:prstGeom prst="triangle">
                <a:avLst/>
              </a:prstGeom>
              <a:solidFill>
                <a:schemeClr val="accent3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algn="ctr"/>
                <a:endParaRPr lang="en-US">
                  <a:solidFill>
                    <a:schemeClr val="tx1">
                      <a:lumMod val="85000"/>
                      <a:lumOff val="15000"/>
                    </a:schemeClr>
                  </a:solidFill>
                </a:endParaRPr>
              </a:p>
            </p:txBody>
          </p:sp>
        </p:grpSp>
        <p:cxnSp>
          <p:nvCxnSpPr>
            <p:cNvPr id="161" name="OTLSHAPE_M_32e754a4ad894522b2c68f667c7e3b92_Connector1"/>
            <p:cNvCxnSpPr>
              <a:stCxn id="156" idx="0"/>
            </p:cNvCxnSpPr>
            <p:nvPr/>
          </p:nvCxnSpPr>
          <p:spPr>
            <a:xfrm flipV="1">
              <a:off x="4593734" y="4636356"/>
              <a:ext cx="0" cy="597220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80" name="グループ化 179"/>
          <p:cNvGrpSpPr/>
          <p:nvPr/>
        </p:nvGrpSpPr>
        <p:grpSpPr>
          <a:xfrm>
            <a:off x="7559542" y="1716379"/>
            <a:ext cx="152400" cy="1108288"/>
            <a:chOff x="4800858" y="1725243"/>
            <a:chExt cx="152400" cy="1108288"/>
          </a:xfrm>
        </p:grpSpPr>
        <p:cxnSp>
          <p:nvCxnSpPr>
            <p:cNvPr id="181" name="OTLSHAPE_M_702056da381246079aaaa6c03a8d9401_Connector1"/>
            <p:cNvCxnSpPr/>
            <p:nvPr/>
          </p:nvCxnSpPr>
          <p:spPr>
            <a:xfrm>
              <a:off x="4877058" y="1814143"/>
              <a:ext cx="0" cy="1019388"/>
            </a:xfrm>
            <a:prstGeom prst="line">
              <a:avLst/>
            </a:prstGeom>
            <a:ln w="9525" cap="flat" cmpd="sng" algn="ctr">
              <a:solidFill>
                <a:schemeClr val="accent4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2" name="OTLSHAPE_M_702056da381246079aaaa6c03a8d9401_Shape"/>
            <p:cNvSpPr/>
            <p:nvPr/>
          </p:nvSpPr>
          <p:spPr>
            <a:xfrm>
              <a:off x="4800858" y="1725243"/>
              <a:ext cx="152400" cy="177800"/>
            </a:xfrm>
            <a:prstGeom prst="triangl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</p:grpSp>
      <p:grpSp>
        <p:nvGrpSpPr>
          <p:cNvPr id="183" name="グループ化 182"/>
          <p:cNvGrpSpPr/>
          <p:nvPr/>
        </p:nvGrpSpPr>
        <p:grpSpPr>
          <a:xfrm>
            <a:off x="8148364" y="1726801"/>
            <a:ext cx="152400" cy="1108288"/>
            <a:chOff x="4800858" y="1725243"/>
            <a:chExt cx="152400" cy="1108288"/>
          </a:xfrm>
        </p:grpSpPr>
        <p:cxnSp>
          <p:nvCxnSpPr>
            <p:cNvPr id="184" name="OTLSHAPE_M_702056da381246079aaaa6c03a8d9401_Connector1"/>
            <p:cNvCxnSpPr/>
            <p:nvPr/>
          </p:nvCxnSpPr>
          <p:spPr>
            <a:xfrm>
              <a:off x="4877058" y="1814143"/>
              <a:ext cx="0" cy="1019388"/>
            </a:xfrm>
            <a:prstGeom prst="line">
              <a:avLst/>
            </a:prstGeom>
            <a:ln w="9525" cap="flat" cmpd="sng" algn="ctr">
              <a:solidFill>
                <a:schemeClr val="accent4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5" name="OTLSHAPE_M_702056da381246079aaaa6c03a8d9401_Shape"/>
            <p:cNvSpPr/>
            <p:nvPr/>
          </p:nvSpPr>
          <p:spPr>
            <a:xfrm>
              <a:off x="4800858" y="1725243"/>
              <a:ext cx="152400" cy="177800"/>
            </a:xfrm>
            <a:prstGeom prst="triangl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</p:grpSp>
      <p:grpSp>
        <p:nvGrpSpPr>
          <p:cNvPr id="40" name="グループ化 39"/>
          <p:cNvGrpSpPr/>
          <p:nvPr/>
        </p:nvGrpSpPr>
        <p:grpSpPr>
          <a:xfrm>
            <a:off x="5354735" y="1756443"/>
            <a:ext cx="168316" cy="2662870"/>
            <a:chOff x="4225759" y="1638085"/>
            <a:chExt cx="152400" cy="1627878"/>
          </a:xfrm>
        </p:grpSpPr>
        <p:cxnSp>
          <p:nvCxnSpPr>
            <p:cNvPr id="41" name="OTLSHAPE_M_32e754a4ad894522b2c68f667c7e3b92_Connector1"/>
            <p:cNvCxnSpPr/>
            <p:nvPr/>
          </p:nvCxnSpPr>
          <p:spPr>
            <a:xfrm>
              <a:off x="4301959" y="1726985"/>
              <a:ext cx="0" cy="1538978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OTLSHAPE_M_32e754a4ad894522b2c68f667c7e3b92_Shape"/>
            <p:cNvSpPr/>
            <p:nvPr/>
          </p:nvSpPr>
          <p:spPr>
            <a:xfrm>
              <a:off x="4225759" y="1638085"/>
              <a:ext cx="152400" cy="177800"/>
            </a:xfrm>
            <a:prstGeom prst="triangl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>
                <a:solidFill>
                  <a:schemeClr val="tx1">
                    <a:lumMod val="85000"/>
                    <a:lumOff val="15000"/>
                  </a:schemeClr>
                </a:solidFill>
              </a:endParaRPr>
            </a:p>
          </p:txBody>
        </p:sp>
      </p:grpSp>
      <p:sp>
        <p:nvSpPr>
          <p:cNvPr id="44" name="OTLSHAPE_M_702056da381246079aaaa6c03a8d9401_Title"/>
          <p:cNvSpPr txBox="1"/>
          <p:nvPr/>
        </p:nvSpPr>
        <p:spPr>
          <a:xfrm>
            <a:off x="4818611" y="4469127"/>
            <a:ext cx="1991738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Read papers, </a:t>
            </a:r>
            <a:r>
              <a:rPr lang="en-US" b="1" spc="-6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Calibri" panose="020F0502020204030204" pitchFamily="34" charset="0"/>
              </a:rPr>
              <a:t>debug</a:t>
            </a:r>
            <a:endParaRPr lang="en-US" b="1" spc="-6" dirty="0" smtClean="0">
              <a:solidFill>
                <a:schemeClr val="tx1">
                  <a:lumMod val="85000"/>
                  <a:lumOff val="15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179764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/>
            </a:r>
            <a:br>
              <a:rPr kumimoji="1" lang="en-US" altLang="ja-JP" dirty="0" smtClean="0"/>
            </a:br>
            <a:r>
              <a:rPr kumimoji="1" lang="en-US" altLang="ja-JP" dirty="0" smtClean="0"/>
              <a:t>1. Timeline</a:t>
            </a:r>
            <a:r>
              <a:rPr kumimoji="1" lang="en-US" altLang="ja-JP" dirty="0" smtClean="0">
                <a:solidFill>
                  <a:srgbClr val="FFFF00"/>
                </a:solidFill>
              </a:rPr>
              <a:t/>
            </a:r>
            <a:br>
              <a:rPr kumimoji="1"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>
                <a:solidFill>
                  <a:srgbClr val="FFFF00"/>
                </a:solidFill>
              </a:rPr>
              <a:t>2. Background</a:t>
            </a:r>
            <a:br>
              <a:rPr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/>
              <a:t>3. Deep Reinforcement Learning</a:t>
            </a:r>
            <a:br>
              <a:rPr lang="en-US" altLang="ja-JP" dirty="0" smtClean="0"/>
            </a:br>
            <a:r>
              <a:rPr lang="en-US" altLang="ja-JP" dirty="0"/>
              <a:t>4. Conclusion &amp; Future Works</a:t>
            </a:r>
            <a:endParaRPr kumimoji="1" lang="ja-JP" altLang="en-US" dirty="0"/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altLang="ja-JP" dirty="0" smtClean="0"/>
              <a:t>Outline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35833481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>Background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6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5" name="テキスト ボックス 4"/>
          <p:cNvSpPr txBox="1"/>
          <p:nvPr/>
        </p:nvSpPr>
        <p:spPr>
          <a:xfrm>
            <a:off x="251520" y="911895"/>
            <a:ext cx="460623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TW" sz="2400" b="1" dirty="0" smtClean="0"/>
              <a:t>Robot motion planning in complex environment</a:t>
            </a:r>
            <a:endParaRPr kumimoji="1" lang="ja-JP" altLang="en-US" sz="2400" b="1" dirty="0"/>
          </a:p>
        </p:txBody>
      </p:sp>
      <p:sp>
        <p:nvSpPr>
          <p:cNvPr id="7" name="テキスト ボックス 6"/>
          <p:cNvSpPr txBox="1"/>
          <p:nvPr/>
        </p:nvSpPr>
        <p:spPr>
          <a:xfrm>
            <a:off x="1487708" y="1641794"/>
            <a:ext cx="337004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sz="1600" dirty="0" smtClean="0"/>
              <a:t>(Provided by Denso Wave)</a:t>
            </a:r>
          </a:p>
        </p:txBody>
      </p:sp>
      <p:sp>
        <p:nvSpPr>
          <p:cNvPr id="6" name="正方形/長方形 5"/>
          <p:cNvSpPr/>
          <p:nvPr/>
        </p:nvSpPr>
        <p:spPr>
          <a:xfrm>
            <a:off x="467544" y="2146983"/>
            <a:ext cx="4824536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ja-JP" sz="2000" dirty="0"/>
              <a:t>-</a:t>
            </a:r>
            <a:r>
              <a:rPr lang="en-US" altLang="ja-JP" sz="2000" dirty="0" smtClean="0"/>
              <a:t>Complex environment</a:t>
            </a:r>
          </a:p>
          <a:p>
            <a:r>
              <a:rPr lang="ja-JP" altLang="en-US" dirty="0"/>
              <a:t>　</a:t>
            </a:r>
            <a:r>
              <a:rPr lang="ja-JP" altLang="en-US" dirty="0" smtClean="0"/>
              <a:t>　・</a:t>
            </a:r>
            <a:r>
              <a:rPr lang="en-US" altLang="zh-TW" dirty="0" smtClean="0"/>
              <a:t>Several </a:t>
            </a:r>
            <a:r>
              <a:rPr lang="en-US" altLang="zh-TW" dirty="0" smtClean="0">
                <a:solidFill>
                  <a:srgbClr val="FF0000"/>
                </a:solidFill>
              </a:rPr>
              <a:t>obstacles</a:t>
            </a:r>
            <a:r>
              <a:rPr lang="en-US" altLang="zh-TW" dirty="0" smtClean="0"/>
              <a:t> in motion plan</a:t>
            </a:r>
            <a:endParaRPr lang="en-US" altLang="ja-JP" dirty="0" smtClean="0"/>
          </a:p>
          <a:p>
            <a:r>
              <a:rPr lang="ja-JP" altLang="en-US" dirty="0"/>
              <a:t>　</a:t>
            </a:r>
            <a:r>
              <a:rPr lang="ja-JP" altLang="en-US" dirty="0" smtClean="0"/>
              <a:t>　・</a:t>
            </a:r>
            <a:r>
              <a:rPr lang="en-US" altLang="ja-JP" dirty="0" smtClean="0"/>
              <a:t>Several checkpoint for robot arm</a:t>
            </a:r>
          </a:p>
        </p:txBody>
      </p:sp>
      <p:sp>
        <p:nvSpPr>
          <p:cNvPr id="12" name="正方形/長方形 11"/>
          <p:cNvSpPr/>
          <p:nvPr/>
        </p:nvSpPr>
        <p:spPr>
          <a:xfrm>
            <a:off x="467544" y="3914556"/>
            <a:ext cx="6561906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zh-TW" sz="2000" dirty="0"/>
              <a:t>-</a:t>
            </a:r>
            <a:r>
              <a:rPr lang="en-US" altLang="zh-TW" sz="2000" dirty="0" smtClean="0"/>
              <a:t>Motion planning</a:t>
            </a:r>
            <a:endParaRPr lang="en-US" altLang="ja-JP" sz="2000" dirty="0" smtClean="0"/>
          </a:p>
          <a:p>
            <a:r>
              <a:rPr lang="ja-JP" altLang="en-US" dirty="0"/>
              <a:t>　</a:t>
            </a:r>
            <a:r>
              <a:rPr lang="zh-TW" altLang="en-US" dirty="0"/>
              <a:t>  </a:t>
            </a:r>
            <a:r>
              <a:rPr lang="en-US" altLang="zh-TW" sz="1600" dirty="0" smtClean="0"/>
              <a:t>Find out the optimal solution</a:t>
            </a:r>
            <a:endParaRPr lang="en-US" altLang="zh-TW" sz="1600" dirty="0" smtClean="0">
              <a:solidFill>
                <a:srgbClr val="FF0000"/>
              </a:solidFill>
            </a:endParaRPr>
          </a:p>
          <a:p>
            <a:r>
              <a:rPr lang="ja-JP" altLang="en-US" sz="1600" dirty="0"/>
              <a:t>　</a:t>
            </a:r>
            <a:r>
              <a:rPr lang="ja-JP" altLang="en-US" sz="1600" dirty="0" smtClean="0"/>
              <a:t>　</a:t>
            </a:r>
            <a:r>
              <a:rPr lang="en-US" altLang="ja-JP" sz="1600" dirty="0"/>
              <a:t> </a:t>
            </a:r>
            <a:r>
              <a:rPr lang="en-US" altLang="ja-JP" sz="1600" dirty="0" smtClean="0"/>
              <a:t> </a:t>
            </a:r>
            <a:r>
              <a:rPr lang="ja-JP" altLang="en-US" sz="1600" dirty="0" smtClean="0"/>
              <a:t>・</a:t>
            </a:r>
            <a:r>
              <a:rPr lang="en-US" altLang="ja-JP" sz="1600" dirty="0" smtClean="0">
                <a:solidFill>
                  <a:srgbClr val="FF0000"/>
                </a:solidFill>
              </a:rPr>
              <a:t>P</a:t>
            </a:r>
            <a:r>
              <a:rPr lang="en-US" altLang="zh-TW" sz="1600" dirty="0" smtClean="0">
                <a:solidFill>
                  <a:srgbClr val="FF0000"/>
                </a:solidFill>
              </a:rPr>
              <a:t>ath</a:t>
            </a:r>
            <a:r>
              <a:rPr lang="en-US" altLang="zh-TW" sz="1600" dirty="0">
                <a:solidFill>
                  <a:srgbClr val="FF0000"/>
                </a:solidFill>
              </a:rPr>
              <a:t>, posture, </a:t>
            </a:r>
            <a:r>
              <a:rPr lang="en-US" altLang="zh-TW" sz="1600" dirty="0" smtClean="0">
                <a:solidFill>
                  <a:srgbClr val="FF0000"/>
                </a:solidFill>
              </a:rPr>
              <a:t>trajectories, controlling values…</a:t>
            </a:r>
            <a:endParaRPr lang="en-US" altLang="ja-JP" sz="1600" dirty="0" smtClean="0"/>
          </a:p>
          <a:p>
            <a:r>
              <a:rPr lang="ja-JP" altLang="en-US" sz="1600" dirty="0"/>
              <a:t>　</a:t>
            </a:r>
            <a:r>
              <a:rPr lang="ja-JP" altLang="en-US" sz="1600" dirty="0" smtClean="0"/>
              <a:t>　  ・</a:t>
            </a:r>
            <a:r>
              <a:rPr lang="en-US" altLang="ja-JP" sz="1600" dirty="0" smtClean="0">
                <a:solidFill>
                  <a:srgbClr val="FF0000"/>
                </a:solidFill>
              </a:rPr>
              <a:t>Collision-free</a:t>
            </a:r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43633" y="1790775"/>
            <a:ext cx="3011805" cy="23122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テキスト ボックス 12"/>
          <p:cNvSpPr txBox="1"/>
          <p:nvPr/>
        </p:nvSpPr>
        <p:spPr>
          <a:xfrm>
            <a:off x="5651685" y="4103064"/>
            <a:ext cx="30037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ja-JP" sz="1400" dirty="0" smtClean="0"/>
              <a:t>Production process layout</a:t>
            </a:r>
            <a:endParaRPr kumimoji="1" lang="ja-JP" altLang="en-US" sz="1400" dirty="0"/>
          </a:p>
        </p:txBody>
      </p:sp>
    </p:spTree>
    <p:extLst>
      <p:ext uri="{BB962C8B-B14F-4D97-AF65-F5344CB8AC3E}">
        <p14:creationId xmlns:p14="http://schemas.microsoft.com/office/powerpoint/2010/main" val="6310625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ja-JP" dirty="0" smtClean="0"/>
              <a:t>Background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7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grpSp>
        <p:nvGrpSpPr>
          <p:cNvPr id="5" name="グループ化 4"/>
          <p:cNvGrpSpPr/>
          <p:nvPr/>
        </p:nvGrpSpPr>
        <p:grpSpPr>
          <a:xfrm>
            <a:off x="5876896" y="1979606"/>
            <a:ext cx="3218424" cy="1935336"/>
            <a:chOff x="520312" y="3606852"/>
            <a:chExt cx="3467917" cy="2164129"/>
          </a:xfrm>
        </p:grpSpPr>
        <p:graphicFrame>
          <p:nvGraphicFramePr>
            <p:cNvPr id="6" name="グラフ 5"/>
            <p:cNvGraphicFramePr>
              <a:graphicFrameLocks/>
            </p:cNvGraphicFramePr>
            <p:nvPr>
              <p:extLst/>
            </p:nvPr>
          </p:nvGraphicFramePr>
          <p:xfrm>
            <a:off x="830860" y="3606852"/>
            <a:ext cx="3157369" cy="1940274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3"/>
            </a:graphicData>
          </a:graphic>
        </p:graphicFrame>
        <p:sp>
          <p:nvSpPr>
            <p:cNvPr id="7" name="正方形/長方形 6"/>
            <p:cNvSpPr/>
            <p:nvPr/>
          </p:nvSpPr>
          <p:spPr>
            <a:xfrm>
              <a:off x="2225909" y="5461236"/>
              <a:ext cx="696435" cy="30974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ja-JP" altLang="en-US" sz="1200" dirty="0" smtClean="0"/>
                <a:t>都市数</a:t>
              </a:r>
              <a:endParaRPr lang="ja-JP" altLang="en-US" sz="1200" dirty="0"/>
            </a:p>
          </p:txBody>
        </p:sp>
        <p:sp>
          <p:nvSpPr>
            <p:cNvPr id="8" name="テキスト ボックス 7"/>
            <p:cNvSpPr txBox="1"/>
            <p:nvPr/>
          </p:nvSpPr>
          <p:spPr>
            <a:xfrm>
              <a:off x="520312" y="4007333"/>
              <a:ext cx="397963" cy="1189601"/>
            </a:xfrm>
            <a:prstGeom prst="rect">
              <a:avLst/>
            </a:prstGeom>
            <a:noFill/>
          </p:spPr>
          <p:txBody>
            <a:bodyPr vert="eaVert" wrap="square" rtlCol="0">
              <a:spAutoFit/>
            </a:bodyPr>
            <a:lstStyle/>
            <a:p>
              <a:r>
                <a:rPr kumimoji="1" lang="ja-JP" altLang="en-US" sz="1200" dirty="0" smtClean="0"/>
                <a:t>ルート数</a:t>
              </a:r>
              <a:endParaRPr kumimoji="1" lang="ja-JP" altLang="en-US" sz="1200" dirty="0"/>
            </a:p>
          </p:txBody>
        </p:sp>
        <p:cxnSp>
          <p:nvCxnSpPr>
            <p:cNvPr id="9" name="直線コネクタ 8"/>
            <p:cNvCxnSpPr/>
            <p:nvPr/>
          </p:nvCxnSpPr>
          <p:spPr>
            <a:xfrm flipV="1">
              <a:off x="2016158" y="4714917"/>
              <a:ext cx="0" cy="524386"/>
            </a:xfrm>
            <a:prstGeom prst="line">
              <a:avLst/>
            </a:prstGeom>
            <a:ln>
              <a:solidFill>
                <a:srgbClr val="FF0000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直線コネクタ 9"/>
            <p:cNvCxnSpPr/>
            <p:nvPr/>
          </p:nvCxnSpPr>
          <p:spPr>
            <a:xfrm flipV="1">
              <a:off x="2234381" y="4272863"/>
              <a:ext cx="0" cy="959005"/>
            </a:xfrm>
            <a:prstGeom prst="line">
              <a:avLst/>
            </a:prstGeom>
            <a:ln>
              <a:solidFill>
                <a:srgbClr val="FF0000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正方形/長方形 10"/>
            <p:cNvSpPr/>
            <p:nvPr/>
          </p:nvSpPr>
          <p:spPr>
            <a:xfrm>
              <a:off x="1551370" y="4461929"/>
              <a:ext cx="934797" cy="27532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ja-JP" altLang="en-US" sz="1000" b="1" dirty="0">
                  <a:solidFill>
                    <a:srgbClr val="FF0000"/>
                  </a:solidFill>
                </a:rPr>
                <a:t>約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6</a:t>
              </a:r>
              <a:r>
                <a:rPr lang="ja-JP" altLang="en-US" sz="1000" b="1" dirty="0" smtClean="0">
                  <a:solidFill>
                    <a:srgbClr val="FF0000"/>
                  </a:solidFill>
                </a:rPr>
                <a:t>秒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(※1)</a:t>
              </a:r>
              <a:endParaRPr lang="ja-JP" altLang="en-US" sz="1000" b="1" dirty="0">
                <a:solidFill>
                  <a:srgbClr val="FF0000"/>
                </a:solidFill>
              </a:endParaRPr>
            </a:p>
          </p:txBody>
        </p:sp>
        <p:sp>
          <p:nvSpPr>
            <p:cNvPr id="12" name="正方形/長方形 11"/>
            <p:cNvSpPr/>
            <p:nvPr/>
          </p:nvSpPr>
          <p:spPr>
            <a:xfrm>
              <a:off x="1879508" y="4018165"/>
              <a:ext cx="1524222" cy="27532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ja-JP" altLang="en-US" sz="1000" b="1" dirty="0" smtClean="0">
                  <a:solidFill>
                    <a:srgbClr val="FF0000"/>
                  </a:solidFill>
                </a:rPr>
                <a:t>約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1401</a:t>
              </a:r>
              <a:r>
                <a:rPr lang="ja-JP" altLang="en-US" sz="1000" b="1" dirty="0" smtClean="0">
                  <a:solidFill>
                    <a:srgbClr val="FF0000"/>
                  </a:solidFill>
                </a:rPr>
                <a:t>万年</a:t>
              </a:r>
              <a:r>
                <a:rPr lang="en-US" altLang="ja-JP" sz="1000" b="1" dirty="0" smtClean="0">
                  <a:solidFill>
                    <a:srgbClr val="FF0000"/>
                  </a:solidFill>
                </a:rPr>
                <a:t>(※1)</a:t>
              </a:r>
              <a:endParaRPr lang="ja-JP" altLang="en-US" sz="1000" b="1" dirty="0">
                <a:solidFill>
                  <a:srgbClr val="FF0000"/>
                </a:solidFill>
              </a:endParaRPr>
            </a:p>
          </p:txBody>
        </p:sp>
      </p:grpSp>
      <p:sp>
        <p:nvSpPr>
          <p:cNvPr id="13" name="正方形/長方形 12"/>
          <p:cNvSpPr/>
          <p:nvPr/>
        </p:nvSpPr>
        <p:spPr>
          <a:xfrm>
            <a:off x="400956" y="3733917"/>
            <a:ext cx="257616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3(</a:t>
            </a:r>
            <a:r>
              <a:rPr lang="ja-JP" altLang="en-US" sz="1400" b="1" u="sng" dirty="0"/>
              <a:t>移動</a:t>
            </a:r>
            <a:r>
              <a:rPr lang="en-US" altLang="ja-JP" sz="1400" b="1" u="sng" dirty="0" smtClean="0"/>
              <a:t>)</a:t>
            </a:r>
          </a:p>
          <a:p>
            <a:r>
              <a:rPr lang="ja-JP" altLang="en-US" sz="1400" b="1" dirty="0"/>
              <a:t>　</a:t>
            </a:r>
            <a:endParaRPr lang="en-US" altLang="ja-JP" sz="1400" b="1" baseline="30000" dirty="0" smtClean="0"/>
          </a:p>
        </p:txBody>
      </p:sp>
      <p:pic>
        <p:nvPicPr>
          <p:cNvPr id="14" name="Picture 6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566" y="4502652"/>
            <a:ext cx="905275" cy="103047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8" name="正方形/長方形 17"/>
          <p:cNvSpPr/>
          <p:nvPr/>
        </p:nvSpPr>
        <p:spPr>
          <a:xfrm>
            <a:off x="6005863" y="967173"/>
            <a:ext cx="2635314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1(</a:t>
            </a:r>
            <a:r>
              <a:rPr lang="ja-JP" altLang="en-US" sz="1400" b="1" u="sng" dirty="0" smtClean="0"/>
              <a:t>手順</a:t>
            </a:r>
            <a:r>
              <a:rPr lang="en-US" altLang="ja-JP" sz="1400" b="1" u="sng" dirty="0" smtClean="0"/>
              <a:t>)</a:t>
            </a:r>
          </a:p>
          <a:p>
            <a:r>
              <a:rPr lang="ja-JP" altLang="en-US" sz="1400" b="1" dirty="0" smtClean="0"/>
              <a:t>　</a:t>
            </a:r>
            <a:endParaRPr lang="en-US" altLang="ja-JP" sz="1400" b="1" baseline="30000" dirty="0"/>
          </a:p>
        </p:txBody>
      </p:sp>
      <p:sp>
        <p:nvSpPr>
          <p:cNvPr id="19" name="四角形吹き出し 18"/>
          <p:cNvSpPr/>
          <p:nvPr/>
        </p:nvSpPr>
        <p:spPr>
          <a:xfrm>
            <a:off x="5872757" y="894697"/>
            <a:ext cx="3153992" cy="3100830"/>
          </a:xfrm>
          <a:prstGeom prst="wedgeRectCallout">
            <a:avLst>
              <a:gd name="adj1" fmla="val -56839"/>
              <a:gd name="adj2" fmla="val 34465"/>
            </a:avLst>
          </a:prstGeom>
          <a:noFill/>
          <a:ln w="952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sp>
        <p:nvSpPr>
          <p:cNvPr id="20" name="四角形吹き出し 19"/>
          <p:cNvSpPr/>
          <p:nvPr/>
        </p:nvSpPr>
        <p:spPr>
          <a:xfrm>
            <a:off x="382772" y="3688674"/>
            <a:ext cx="2817628" cy="1944260"/>
          </a:xfrm>
          <a:prstGeom prst="wedgeRectCallout">
            <a:avLst>
              <a:gd name="adj1" fmla="val 57657"/>
              <a:gd name="adj2" fmla="val 37987"/>
            </a:avLst>
          </a:prstGeom>
          <a:noFill/>
          <a:ln w="952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sp>
        <p:nvSpPr>
          <p:cNvPr id="21" name="四角形吹き出し 20"/>
          <p:cNvSpPr/>
          <p:nvPr/>
        </p:nvSpPr>
        <p:spPr>
          <a:xfrm>
            <a:off x="364544" y="937387"/>
            <a:ext cx="2817628" cy="2383749"/>
          </a:xfrm>
          <a:prstGeom prst="wedgeRectCallout">
            <a:avLst>
              <a:gd name="adj1" fmla="val 59167"/>
              <a:gd name="adj2" fmla="val 93425"/>
            </a:avLst>
          </a:prstGeom>
          <a:solidFill>
            <a:schemeClr val="bg1"/>
          </a:solidFill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>
              <a:solidFill>
                <a:srgbClr val="FF0000"/>
              </a:solidFill>
            </a:endParaRPr>
          </a:p>
        </p:txBody>
      </p:sp>
      <p:pic>
        <p:nvPicPr>
          <p:cNvPr id="22" name="Picture 3" descr="ã3æ¬¡å æ ¼å­ãã®ç»åæ¤ç´¢çµæ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387" y="1836886"/>
            <a:ext cx="1570888" cy="1406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3" name="正方形/長方形 22"/>
          <p:cNvSpPr/>
          <p:nvPr/>
        </p:nvSpPr>
        <p:spPr>
          <a:xfrm>
            <a:off x="364544" y="1041410"/>
            <a:ext cx="2407529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u="sng" dirty="0" smtClean="0"/>
              <a:t>階層</a:t>
            </a:r>
            <a:r>
              <a:rPr lang="en-US" altLang="ja-JP" sz="1400" b="1" u="sng" dirty="0" smtClean="0"/>
              <a:t>2(</a:t>
            </a:r>
            <a:r>
              <a:rPr lang="ja-JP" altLang="en-US" sz="1400" b="1" u="sng" dirty="0" smtClean="0"/>
              <a:t>経由点</a:t>
            </a:r>
            <a:r>
              <a:rPr lang="en-US" altLang="ja-JP" sz="1400" b="1" u="sng" dirty="0" smtClean="0"/>
              <a:t>)</a:t>
            </a:r>
          </a:p>
          <a:p>
            <a:pPr fontAlgn="ctr"/>
            <a:r>
              <a:rPr lang="ja-JP" altLang="en-US" sz="1400" b="1" dirty="0" smtClean="0">
                <a:solidFill>
                  <a:srgbClr val="FF0000"/>
                </a:solidFill>
              </a:rPr>
              <a:t>　</a:t>
            </a:r>
            <a:endParaRPr lang="zh-TW" altLang="en-US" sz="1400" b="1" dirty="0">
              <a:latin typeface="+mn-ea"/>
            </a:endParaRPr>
          </a:p>
        </p:txBody>
      </p:sp>
      <p:sp>
        <p:nvSpPr>
          <p:cNvPr id="24" name="正方形/長方形 23"/>
          <p:cNvSpPr/>
          <p:nvPr/>
        </p:nvSpPr>
        <p:spPr>
          <a:xfrm>
            <a:off x="364995" y="1445895"/>
            <a:ext cx="2893741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ja-JP" sz="1600" b="1" dirty="0" smtClean="0">
                <a:solidFill>
                  <a:srgbClr val="FF0000"/>
                </a:solidFill>
              </a:rPr>
              <a:t>100x100x10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0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1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5" name="正方形/長方形 24"/>
          <p:cNvSpPr/>
          <p:nvPr/>
        </p:nvSpPr>
        <p:spPr>
          <a:xfrm>
            <a:off x="475387" y="4067263"/>
            <a:ext cx="1925527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ja-JP" sz="1600" b="1" dirty="0" smtClean="0">
                <a:solidFill>
                  <a:srgbClr val="FF0000"/>
                </a:solidFill>
              </a:rPr>
              <a:t>6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関節</a:t>
            </a:r>
            <a:r>
              <a:rPr lang="ja-JP" altLang="en-US" sz="1600" b="1" dirty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2.0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7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6" name="正方形/長方形 25"/>
          <p:cNvSpPr/>
          <p:nvPr/>
        </p:nvSpPr>
        <p:spPr>
          <a:xfrm>
            <a:off x="6248814" y="1312803"/>
            <a:ext cx="2270173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ja-JP" altLang="en-US" sz="1600" b="1" dirty="0" smtClean="0">
                <a:solidFill>
                  <a:srgbClr val="FF0000"/>
                </a:solidFill>
              </a:rPr>
              <a:t>都市数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2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2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18</a:t>
            </a:r>
            <a:endParaRPr lang="en-US" altLang="ja-JP" sz="1600" b="1" baseline="30000" dirty="0">
              <a:solidFill>
                <a:srgbClr val="FF0000"/>
              </a:solidFill>
            </a:endParaRPr>
          </a:p>
          <a:p>
            <a:r>
              <a:rPr lang="ja-JP" altLang="en-US" sz="1600" b="1" dirty="0" smtClean="0">
                <a:solidFill>
                  <a:srgbClr val="FF0000"/>
                </a:solidFill>
              </a:rPr>
              <a:t>都市</a:t>
            </a:r>
            <a:r>
              <a:rPr lang="ja-JP" altLang="en-US" sz="1600" b="1" dirty="0">
                <a:solidFill>
                  <a:srgbClr val="FF0000"/>
                </a:solidFill>
              </a:rPr>
              <a:t>数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30</a:t>
            </a:r>
            <a:r>
              <a:rPr lang="ja-JP" altLang="en-US" sz="1600" b="1" dirty="0" smtClean="0">
                <a:solidFill>
                  <a:srgbClr val="FF0000"/>
                </a:solidFill>
              </a:rPr>
              <a:t>⇒</a:t>
            </a:r>
            <a:r>
              <a:rPr lang="en-US" altLang="ja-JP" sz="1600" b="1" dirty="0" smtClean="0">
                <a:solidFill>
                  <a:srgbClr val="FF0000"/>
                </a:solidFill>
              </a:rPr>
              <a:t>1.3×10</a:t>
            </a:r>
            <a:r>
              <a:rPr lang="en-US" altLang="ja-JP" sz="1600" b="1" baseline="30000" dirty="0" smtClean="0">
                <a:solidFill>
                  <a:srgbClr val="FF0000"/>
                </a:solidFill>
              </a:rPr>
              <a:t>32</a:t>
            </a:r>
            <a:endParaRPr lang="en-US" altLang="ja-JP" sz="1600" b="1" baseline="30000" dirty="0">
              <a:solidFill>
                <a:srgbClr val="FF0000"/>
              </a:solidFill>
            </a:endParaRPr>
          </a:p>
        </p:txBody>
      </p:sp>
      <p:sp>
        <p:nvSpPr>
          <p:cNvPr id="27" name="テキスト ボックス 26"/>
          <p:cNvSpPr txBox="1"/>
          <p:nvPr/>
        </p:nvSpPr>
        <p:spPr>
          <a:xfrm>
            <a:off x="3499336" y="3281169"/>
            <a:ext cx="2097362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kumimoji="1" lang="ja-JP" altLang="en-US" sz="1400" b="1" dirty="0" smtClean="0"/>
              <a:t>手順探索 </a:t>
            </a:r>
            <a:r>
              <a:rPr kumimoji="1" lang="en-US" altLang="ja-JP" sz="1400" b="1" dirty="0" smtClean="0"/>
              <a:t>(</a:t>
            </a:r>
            <a:r>
              <a:rPr kumimoji="1" lang="ja-JP" altLang="en-US" sz="1400" b="1" dirty="0" smtClean="0"/>
              <a:t>階層</a:t>
            </a:r>
            <a:r>
              <a:rPr kumimoji="1" lang="en-US" altLang="ja-JP" sz="1400" b="1" dirty="0" smtClean="0"/>
              <a:t>1)</a:t>
            </a:r>
            <a:endParaRPr kumimoji="1" lang="ja-JP" altLang="en-US" sz="1400" b="1" dirty="0"/>
          </a:p>
        </p:txBody>
      </p:sp>
      <p:sp>
        <p:nvSpPr>
          <p:cNvPr id="28" name="テキスト ボックス 27"/>
          <p:cNvSpPr txBox="1"/>
          <p:nvPr/>
        </p:nvSpPr>
        <p:spPr>
          <a:xfrm>
            <a:off x="3499336" y="4291790"/>
            <a:ext cx="2097362" cy="307777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ja-JP" altLang="en-US" sz="1400" b="1" dirty="0" smtClean="0"/>
              <a:t>経由点</a:t>
            </a:r>
            <a:r>
              <a:rPr kumimoji="1" lang="ja-JP" altLang="en-US" sz="1400" b="1" dirty="0" smtClean="0"/>
              <a:t>探索 </a:t>
            </a:r>
            <a:r>
              <a:rPr kumimoji="1" lang="en-US" altLang="ja-JP" sz="1400" b="1" dirty="0" smtClean="0"/>
              <a:t>(</a:t>
            </a:r>
            <a:r>
              <a:rPr kumimoji="1" lang="ja-JP" altLang="en-US" sz="1400" b="1" dirty="0" smtClean="0"/>
              <a:t>階層</a:t>
            </a:r>
            <a:r>
              <a:rPr kumimoji="1" lang="en-US" altLang="ja-JP" sz="1400" b="1" dirty="0" smtClean="0"/>
              <a:t>2)</a:t>
            </a:r>
            <a:endParaRPr kumimoji="1" lang="ja-JP" altLang="en-US" sz="1400" b="1" dirty="0"/>
          </a:p>
        </p:txBody>
      </p:sp>
      <p:sp>
        <p:nvSpPr>
          <p:cNvPr id="29" name="テキスト ボックス 28"/>
          <p:cNvSpPr txBox="1"/>
          <p:nvPr/>
        </p:nvSpPr>
        <p:spPr>
          <a:xfrm>
            <a:off x="3499336" y="5317418"/>
            <a:ext cx="2097362" cy="3077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altLang="ja-JP" sz="1400" b="1" dirty="0" smtClean="0"/>
              <a:t>2</a:t>
            </a:r>
            <a:r>
              <a:rPr lang="ja-JP" altLang="en-US" sz="1400" b="1" dirty="0" smtClean="0"/>
              <a:t>点間移動 </a:t>
            </a:r>
            <a:r>
              <a:rPr lang="en-US" altLang="ja-JP" sz="1400" b="1" dirty="0" smtClean="0"/>
              <a:t>(</a:t>
            </a:r>
            <a:r>
              <a:rPr lang="ja-JP" altLang="en-US" sz="1400" b="1" dirty="0" smtClean="0"/>
              <a:t>階層</a:t>
            </a:r>
            <a:r>
              <a:rPr lang="en-US" altLang="ja-JP" sz="1400" b="1" dirty="0" smtClean="0"/>
              <a:t>3)</a:t>
            </a:r>
            <a:endParaRPr kumimoji="1" lang="ja-JP" altLang="en-US" sz="1400" b="1" dirty="0"/>
          </a:p>
        </p:txBody>
      </p:sp>
      <p:cxnSp>
        <p:nvCxnSpPr>
          <p:cNvPr id="30" name="直線矢印コネクタ 29"/>
          <p:cNvCxnSpPr>
            <a:stCxn id="27" idx="2"/>
            <a:endCxn id="28" idx="0"/>
          </p:cNvCxnSpPr>
          <p:nvPr/>
        </p:nvCxnSpPr>
        <p:spPr>
          <a:xfrm>
            <a:off x="4548017" y="3588946"/>
            <a:ext cx="0" cy="702844"/>
          </a:xfrm>
          <a:prstGeom prst="straightConnector1">
            <a:avLst/>
          </a:prstGeom>
          <a:ln w="19050"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1" name="直線矢印コネクタ 30"/>
          <p:cNvCxnSpPr>
            <a:stCxn id="28" idx="2"/>
            <a:endCxn id="29" idx="0"/>
          </p:cNvCxnSpPr>
          <p:nvPr/>
        </p:nvCxnSpPr>
        <p:spPr>
          <a:xfrm>
            <a:off x="4548017" y="4599567"/>
            <a:ext cx="0" cy="717851"/>
          </a:xfrm>
          <a:prstGeom prst="straightConnector1">
            <a:avLst/>
          </a:prstGeom>
          <a:ln w="19050"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32" name="Picture 2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63536" y="1230880"/>
            <a:ext cx="1968961" cy="17798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3" name="正方形/長方形 32"/>
          <p:cNvSpPr/>
          <p:nvPr/>
        </p:nvSpPr>
        <p:spPr>
          <a:xfrm>
            <a:off x="3386693" y="854363"/>
            <a:ext cx="2561945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00"/>
                </a:solidFill>
                <a:latin typeface="+mn-ea"/>
              </a:rPr>
              <a:t>対象タスク：ロボット組立問題</a:t>
            </a:r>
            <a:endParaRPr lang="zh-TW" altLang="en-US" sz="1400" b="1" dirty="0">
              <a:solidFill>
                <a:srgbClr val="000000"/>
              </a:solidFill>
              <a:latin typeface="+mn-ea"/>
            </a:endParaRPr>
          </a:p>
        </p:txBody>
      </p:sp>
      <p:sp>
        <p:nvSpPr>
          <p:cNvPr id="37" name="正方形/長方形 36"/>
          <p:cNvSpPr/>
          <p:nvPr/>
        </p:nvSpPr>
        <p:spPr>
          <a:xfrm>
            <a:off x="1510953" y="4547964"/>
            <a:ext cx="151812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ja-JP" sz="1000" dirty="0"/>
              <a:t>J1</a:t>
            </a:r>
            <a:r>
              <a:rPr lang="ja-JP" altLang="en-US" sz="1000" dirty="0"/>
              <a:t>： </a:t>
            </a:r>
            <a:r>
              <a:rPr lang="en-US" altLang="ja-JP" sz="1000" dirty="0"/>
              <a:t>+/- 180</a:t>
            </a:r>
            <a:r>
              <a:rPr lang="en-US" altLang="ja-JP" sz="1000" dirty="0" smtClean="0"/>
              <a:t>°</a:t>
            </a:r>
            <a:endParaRPr lang="en-US" altLang="ja-JP" sz="1000" dirty="0"/>
          </a:p>
          <a:p>
            <a:r>
              <a:rPr lang="en-US" altLang="ja-JP" sz="1000" dirty="0"/>
              <a:t>J2</a:t>
            </a:r>
            <a:r>
              <a:rPr lang="ja-JP" altLang="en-US" sz="1000" dirty="0"/>
              <a:t>： </a:t>
            </a:r>
            <a:r>
              <a:rPr lang="en-US" altLang="ja-JP" sz="1000" dirty="0"/>
              <a:t>+120°, -115°</a:t>
            </a:r>
          </a:p>
          <a:p>
            <a:r>
              <a:rPr lang="en-US" altLang="ja-JP" sz="1000" dirty="0"/>
              <a:t>J3</a:t>
            </a:r>
            <a:r>
              <a:rPr lang="ja-JP" altLang="en-US" sz="1000" dirty="0"/>
              <a:t>： </a:t>
            </a:r>
            <a:r>
              <a:rPr lang="en-US" altLang="ja-JP" sz="1000" dirty="0"/>
              <a:t>+141°, -115°</a:t>
            </a:r>
          </a:p>
          <a:p>
            <a:r>
              <a:rPr lang="en-US" altLang="ja-JP" sz="1000" dirty="0"/>
              <a:t>J4</a:t>
            </a:r>
            <a:r>
              <a:rPr lang="ja-JP" altLang="en-US" sz="1000" dirty="0"/>
              <a:t>： </a:t>
            </a:r>
            <a:r>
              <a:rPr lang="en-US" altLang="ja-JP" sz="1000" dirty="0"/>
              <a:t>+/- 270°</a:t>
            </a:r>
          </a:p>
          <a:p>
            <a:r>
              <a:rPr lang="en-US" altLang="ja-JP" sz="1000" dirty="0"/>
              <a:t>J5</a:t>
            </a:r>
            <a:r>
              <a:rPr lang="ja-JP" altLang="en-US" sz="1000" dirty="0" smtClean="0"/>
              <a:t>： </a:t>
            </a:r>
            <a:r>
              <a:rPr lang="en-US" altLang="ja-JP" sz="1000" dirty="0"/>
              <a:t>+/- 115</a:t>
            </a:r>
            <a:r>
              <a:rPr lang="en-US" altLang="ja-JP" sz="1000" dirty="0" smtClean="0"/>
              <a:t>°</a:t>
            </a:r>
            <a:endParaRPr lang="en-US" altLang="ja-JP" sz="1000" dirty="0"/>
          </a:p>
          <a:p>
            <a:r>
              <a:rPr lang="en-US" altLang="ja-JP" sz="1000" dirty="0"/>
              <a:t>J6</a:t>
            </a:r>
            <a:r>
              <a:rPr lang="ja-JP" altLang="en-US" sz="1000" dirty="0"/>
              <a:t>： </a:t>
            </a:r>
            <a:r>
              <a:rPr lang="en-US" altLang="ja-JP" sz="1000" dirty="0"/>
              <a:t>+/- 360°</a:t>
            </a:r>
            <a:endParaRPr lang="ja-JP" altLang="en-US" sz="1000" dirty="0"/>
          </a:p>
        </p:txBody>
      </p:sp>
      <p:pic>
        <p:nvPicPr>
          <p:cNvPr id="39" name="Picture 10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23956" y="2097407"/>
            <a:ext cx="905124" cy="7893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0" name="正方形/長方形 39"/>
          <p:cNvSpPr/>
          <p:nvPr/>
        </p:nvSpPr>
        <p:spPr>
          <a:xfrm>
            <a:off x="7214351" y="967173"/>
            <a:ext cx="164368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巡回ｾｰﾙｽﾏﾝ問題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1" name="正方形/長方形 40"/>
          <p:cNvSpPr/>
          <p:nvPr/>
        </p:nvSpPr>
        <p:spPr>
          <a:xfrm>
            <a:off x="1689037" y="1054844"/>
            <a:ext cx="139573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パスプランニング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2" name="正方形/長方形 41"/>
          <p:cNvSpPr/>
          <p:nvPr/>
        </p:nvSpPr>
        <p:spPr>
          <a:xfrm>
            <a:off x="1520012" y="3735111"/>
            <a:ext cx="139573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ctr"/>
            <a:r>
              <a:rPr lang="ja-JP" altLang="en-US" sz="1400" b="1" dirty="0" smtClean="0">
                <a:solidFill>
                  <a:srgbClr val="0000FF"/>
                </a:solidFill>
                <a:latin typeface="+mn-ea"/>
              </a:rPr>
              <a:t>ロボット制御</a:t>
            </a:r>
            <a:endParaRPr lang="zh-TW" altLang="en-US" sz="1400" b="1" dirty="0">
              <a:solidFill>
                <a:srgbClr val="0000FF"/>
              </a:solidFill>
              <a:latin typeface="+mn-ea"/>
            </a:endParaRPr>
          </a:p>
        </p:txBody>
      </p:sp>
      <p:sp>
        <p:nvSpPr>
          <p:cNvPr id="43" name="正方形/長方形 42"/>
          <p:cNvSpPr/>
          <p:nvPr/>
        </p:nvSpPr>
        <p:spPr>
          <a:xfrm>
            <a:off x="6858036" y="2029817"/>
            <a:ext cx="2028397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ja-JP" sz="1000" dirty="0" smtClean="0"/>
              <a:t>※1</a:t>
            </a:r>
            <a:r>
              <a:rPr lang="ja-JP" altLang="en-US" sz="1000" dirty="0" smtClean="0"/>
              <a:t>　スーパーコンピュータ京</a:t>
            </a:r>
            <a:endParaRPr lang="en-US" altLang="ja-JP" sz="1000" dirty="0" smtClean="0"/>
          </a:p>
        </p:txBody>
      </p:sp>
      <p:sp>
        <p:nvSpPr>
          <p:cNvPr id="44" name="正方形/長方形 43"/>
          <p:cNvSpPr/>
          <p:nvPr/>
        </p:nvSpPr>
        <p:spPr>
          <a:xfrm>
            <a:off x="250244" y="5736431"/>
            <a:ext cx="8636189" cy="584775"/>
          </a:xfrm>
          <a:prstGeom prst="rect">
            <a:avLst/>
          </a:prstGeom>
          <a:solidFill>
            <a:schemeClr val="bg2"/>
          </a:solidFill>
        </p:spPr>
        <p:txBody>
          <a:bodyPr wrap="square">
            <a:spAutoFit/>
          </a:bodyPr>
          <a:lstStyle/>
          <a:p>
            <a:pPr algn="ctr" fontAlgn="base"/>
            <a:r>
              <a:rPr lang="ja-JP" altLang="en-US" sz="1600" b="1" dirty="0" smtClean="0">
                <a:solidFill>
                  <a:schemeClr val="bg1"/>
                </a:solidFill>
              </a:rPr>
              <a:t>各階層</a:t>
            </a:r>
            <a:r>
              <a:rPr lang="ja-JP" altLang="en-US" sz="1600" b="1" dirty="0">
                <a:solidFill>
                  <a:schemeClr val="bg1"/>
                </a:solidFill>
              </a:rPr>
              <a:t>単体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でも膨大な探索空間であるため、探索を効率良く行う枠組み</a:t>
            </a:r>
            <a:r>
              <a:rPr lang="en-US" altLang="ja-JP" sz="1600" b="1" dirty="0" smtClean="0">
                <a:solidFill>
                  <a:schemeClr val="bg1"/>
                </a:solidFill>
              </a:rPr>
              <a:t>(※)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が必要である</a:t>
            </a:r>
            <a:endParaRPr lang="en-US" altLang="ja-JP" sz="1600" b="1" dirty="0" smtClean="0">
              <a:solidFill>
                <a:schemeClr val="bg1"/>
              </a:solidFill>
            </a:endParaRPr>
          </a:p>
          <a:p>
            <a:pPr algn="ctr" fontAlgn="base"/>
            <a:r>
              <a:rPr lang="en-US" altLang="ja-JP" sz="1600" b="1" dirty="0" smtClean="0">
                <a:solidFill>
                  <a:schemeClr val="bg1"/>
                </a:solidFill>
              </a:rPr>
              <a:t>※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各階層ごとに最適化を図り、</a:t>
            </a:r>
            <a:r>
              <a:rPr lang="ja-JP" altLang="en-US" sz="1600" b="1" dirty="0">
                <a:solidFill>
                  <a:schemeClr val="bg1"/>
                </a:solidFill>
              </a:rPr>
              <a:t>それに</a:t>
            </a:r>
            <a:r>
              <a:rPr lang="ja-JP" altLang="en-US" sz="1600" b="1" dirty="0" smtClean="0">
                <a:solidFill>
                  <a:schemeClr val="bg1"/>
                </a:solidFill>
              </a:rPr>
              <a:t>より全体での最適化も図られる手法を検討する</a:t>
            </a:r>
            <a:endParaRPr lang="en-US" altLang="ja-JP" sz="1600" b="1" dirty="0">
              <a:solidFill>
                <a:schemeClr val="bg1"/>
              </a:solidFill>
            </a:endParaRPr>
          </a:p>
        </p:txBody>
      </p:sp>
      <p:sp>
        <p:nvSpPr>
          <p:cNvPr id="48" name="正方形/長方形 47"/>
          <p:cNvSpPr/>
          <p:nvPr/>
        </p:nvSpPr>
        <p:spPr>
          <a:xfrm>
            <a:off x="5777345" y="4549025"/>
            <a:ext cx="3205861" cy="1015663"/>
          </a:xfrm>
          <a:prstGeom prst="rect">
            <a:avLst/>
          </a:prstGeom>
          <a:solidFill>
            <a:srgbClr val="FFFD78"/>
          </a:solidFill>
        </p:spPr>
        <p:txBody>
          <a:bodyPr wrap="square">
            <a:spAutoFit/>
          </a:bodyPr>
          <a:lstStyle/>
          <a:p>
            <a:r>
              <a:rPr lang="ja-JP" altLang="en-US" sz="1500" b="1" u="sng" dirty="0"/>
              <a:t>ウェーブ</a:t>
            </a:r>
            <a:r>
              <a:rPr lang="ja-JP" altLang="en-US" sz="1500" b="1" u="sng" dirty="0" smtClean="0"/>
              <a:t>要求スペック：</a:t>
            </a:r>
            <a:endParaRPr lang="en-US" altLang="ja-JP" sz="1500" b="1" u="sng" dirty="0" smtClean="0"/>
          </a:p>
          <a:p>
            <a:r>
              <a:rPr lang="ja-JP" altLang="en-US" sz="1500" b="1" dirty="0" smtClean="0"/>
              <a:t>　①部品数</a:t>
            </a:r>
            <a:r>
              <a:rPr lang="en-US" altLang="ja-JP" sz="1500" b="1" dirty="0" smtClean="0"/>
              <a:t>10</a:t>
            </a:r>
            <a:r>
              <a:rPr lang="ja-JP" altLang="en-US" sz="1500" b="1" dirty="0" smtClean="0"/>
              <a:t>～</a:t>
            </a:r>
            <a:r>
              <a:rPr lang="en-US" altLang="ja-JP" sz="1500" b="1" dirty="0" smtClean="0"/>
              <a:t>100(</a:t>
            </a:r>
            <a:r>
              <a:rPr lang="ja-JP" altLang="en-US" sz="1500" b="1" dirty="0" smtClean="0"/>
              <a:t>階層</a:t>
            </a:r>
            <a:r>
              <a:rPr lang="en-US" altLang="ja-JP" sz="1500" b="1" dirty="0" smtClean="0"/>
              <a:t>1)</a:t>
            </a:r>
          </a:p>
          <a:p>
            <a:r>
              <a:rPr lang="ja-JP" altLang="en-US" sz="1500" b="1" dirty="0">
                <a:solidFill>
                  <a:srgbClr val="FF0000"/>
                </a:solidFill>
              </a:rPr>
              <a:t>　②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空間サイズ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1~3cm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間隔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(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階層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2)</a:t>
            </a:r>
          </a:p>
          <a:p>
            <a:r>
              <a:rPr lang="ja-JP" altLang="en-US" sz="1500" b="1" dirty="0" smtClean="0">
                <a:solidFill>
                  <a:srgbClr val="FF0000"/>
                </a:solidFill>
              </a:rPr>
              <a:t>　②安定した収束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(</a:t>
            </a:r>
            <a:r>
              <a:rPr lang="ja-JP" altLang="en-US" sz="1500" b="1" dirty="0" smtClean="0">
                <a:solidFill>
                  <a:srgbClr val="FF0000"/>
                </a:solidFill>
              </a:rPr>
              <a:t>階層</a:t>
            </a:r>
            <a:r>
              <a:rPr lang="en-US" altLang="ja-JP" sz="1500" b="1" dirty="0" smtClean="0">
                <a:solidFill>
                  <a:srgbClr val="FF0000"/>
                </a:solidFill>
              </a:rPr>
              <a:t>1,2,3)</a:t>
            </a:r>
            <a:endParaRPr lang="ja-JP" altLang="en-US" sz="1500" dirty="0">
              <a:solidFill>
                <a:srgbClr val="FF0000"/>
              </a:solidFill>
            </a:endParaRPr>
          </a:p>
        </p:txBody>
      </p:sp>
      <p:sp>
        <p:nvSpPr>
          <p:cNvPr id="49" name="テキスト ボックス 48"/>
          <p:cNvSpPr txBox="1"/>
          <p:nvPr/>
        </p:nvSpPr>
        <p:spPr>
          <a:xfrm>
            <a:off x="945014" y="2973392"/>
            <a:ext cx="158902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ja-JP" altLang="en-US" sz="1400" b="1" dirty="0" smtClean="0">
                <a:solidFill>
                  <a:srgbClr val="FF0000"/>
                </a:solidFill>
              </a:rPr>
              <a:t>高次元化への対応</a:t>
            </a:r>
            <a:endParaRPr kumimoji="1" lang="ja-JP" altLang="en-US" sz="14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46438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en-US" altLang="ja-JP" dirty="0" smtClean="0"/>
              <a:t/>
            </a:r>
            <a:br>
              <a:rPr kumimoji="1" lang="en-US" altLang="ja-JP" dirty="0" smtClean="0"/>
            </a:br>
            <a:r>
              <a:rPr kumimoji="1" lang="en-US" altLang="ja-JP" dirty="0" smtClean="0"/>
              <a:t>1. </a:t>
            </a:r>
            <a:r>
              <a:rPr lang="en-US" altLang="ja-JP" dirty="0" smtClean="0"/>
              <a:t>Timeline</a:t>
            </a:r>
            <a:r>
              <a:rPr kumimoji="1" lang="en-US" altLang="ja-JP" dirty="0" smtClean="0">
                <a:solidFill>
                  <a:srgbClr val="FFFF00"/>
                </a:solidFill>
              </a:rPr>
              <a:t/>
            </a:r>
            <a:br>
              <a:rPr kumimoji="1" lang="en-US" altLang="ja-JP" dirty="0" smtClean="0">
                <a:solidFill>
                  <a:srgbClr val="FFFF00"/>
                </a:solidFill>
              </a:rPr>
            </a:br>
            <a:r>
              <a:rPr lang="en-US" altLang="ja-JP" dirty="0" smtClean="0"/>
              <a:t>2. Background</a:t>
            </a:r>
            <a:br>
              <a:rPr lang="en-US" altLang="ja-JP" dirty="0" smtClean="0"/>
            </a:br>
            <a:r>
              <a:rPr lang="en-US" altLang="ja-JP" dirty="0" smtClean="0">
                <a:solidFill>
                  <a:srgbClr val="FFFF00"/>
                </a:solidFill>
              </a:rPr>
              <a:t>3. </a:t>
            </a:r>
            <a:r>
              <a:rPr lang="en-US" altLang="ja-JP" dirty="0" smtClean="0">
                <a:solidFill>
                  <a:srgbClr val="FFFF00"/>
                </a:solidFill>
              </a:rPr>
              <a:t>Deep Reinforcement Learning</a:t>
            </a:r>
            <a:r>
              <a:rPr lang="en-US" altLang="ja-JP" sz="2000" dirty="0" smtClean="0">
                <a:solidFill>
                  <a:srgbClr val="FFFF00"/>
                </a:solidFill>
              </a:rPr>
              <a:t/>
            </a:r>
            <a:br>
              <a:rPr lang="en-US" altLang="ja-JP" sz="2000" dirty="0" smtClean="0">
                <a:solidFill>
                  <a:srgbClr val="FFFF00"/>
                </a:solidFill>
              </a:rPr>
            </a:br>
            <a:r>
              <a:rPr lang="en-US" altLang="ja-JP" sz="2000" dirty="0" smtClean="0">
                <a:solidFill>
                  <a:srgbClr val="FFFF00"/>
                </a:solidFill>
              </a:rPr>
              <a:t>       -Apply on Maze solving</a:t>
            </a:r>
            <a:r>
              <a:rPr lang="en-US" altLang="ja-JP" sz="2000" dirty="0" smtClean="0">
                <a:solidFill>
                  <a:srgbClr val="FFFF00"/>
                </a:solidFill>
              </a:rPr>
              <a:t/>
            </a:r>
            <a:br>
              <a:rPr lang="en-US" altLang="ja-JP" sz="2000" dirty="0" smtClean="0">
                <a:solidFill>
                  <a:srgbClr val="FFFF00"/>
                </a:solidFill>
              </a:rPr>
            </a:br>
            <a:r>
              <a:rPr lang="en-US" altLang="ja-JP" sz="2000" dirty="0">
                <a:solidFill>
                  <a:srgbClr val="FFFF00"/>
                </a:solidFill>
              </a:rPr>
              <a:t> </a:t>
            </a:r>
            <a:r>
              <a:rPr lang="en-US" altLang="ja-JP" sz="2000" dirty="0" smtClean="0">
                <a:solidFill>
                  <a:srgbClr val="FFFF00"/>
                </a:solidFill>
              </a:rPr>
              <a:t>      -</a:t>
            </a:r>
            <a:r>
              <a:rPr lang="en-US" altLang="ja-JP" sz="2000" dirty="0" smtClean="0">
                <a:solidFill>
                  <a:srgbClr val="FFFF00"/>
                </a:solidFill>
              </a:rPr>
              <a:t>Compare </a:t>
            </a:r>
            <a:r>
              <a:rPr lang="en-US" altLang="ja-JP" sz="2000" dirty="0" smtClean="0">
                <a:solidFill>
                  <a:srgbClr val="FFFF00"/>
                </a:solidFill>
              </a:rPr>
              <a:t>with tree search algorithms</a:t>
            </a:r>
            <a:br>
              <a:rPr lang="en-US" altLang="ja-JP" sz="2000" dirty="0" smtClean="0">
                <a:solidFill>
                  <a:srgbClr val="FFFF00"/>
                </a:solidFill>
              </a:rPr>
            </a:br>
            <a:r>
              <a:rPr lang="en-US" altLang="ja-JP" sz="2000" dirty="0" smtClean="0">
                <a:solidFill>
                  <a:srgbClr val="FFFF00"/>
                </a:solidFill>
              </a:rPr>
              <a:t>       -Improvement</a:t>
            </a:r>
            <a:r>
              <a:rPr lang="en-US" altLang="ja-JP" dirty="0" smtClean="0">
                <a:solidFill>
                  <a:srgbClr val="FFFF00"/>
                </a:solidFill>
              </a:rPr>
              <a:t/>
            </a:r>
            <a:br>
              <a:rPr lang="en-US" altLang="ja-JP" dirty="0" smtClean="0">
                <a:solidFill>
                  <a:srgbClr val="FFFF00"/>
                </a:solidFill>
              </a:rPr>
            </a:br>
            <a:r>
              <a:rPr lang="en-US" altLang="ja-JP" dirty="0"/>
              <a:t>4. Conclusion &amp; Future Works</a:t>
            </a:r>
            <a:endParaRPr kumimoji="1" lang="ja-JP" altLang="en-US" dirty="0"/>
          </a:p>
        </p:txBody>
      </p:sp>
      <p:sp>
        <p:nvSpPr>
          <p:cNvPr id="3" name="テキスト プレースホルダー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altLang="ja-JP" dirty="0" smtClean="0"/>
              <a:t>Outline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39263756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-1" y="199319"/>
            <a:ext cx="9144000" cy="353943"/>
          </a:xfrm>
        </p:spPr>
        <p:txBody>
          <a:bodyPr/>
          <a:lstStyle/>
          <a:p>
            <a:r>
              <a:rPr lang="en-US" altLang="ja-JP" dirty="0" smtClean="0"/>
              <a:t>Deep Reinforcement Learning</a:t>
            </a:r>
            <a:endParaRPr kumimoji="1" lang="ja-JP" altLang="en-US" dirty="0"/>
          </a:p>
        </p:txBody>
      </p:sp>
      <p:sp>
        <p:nvSpPr>
          <p:cNvPr id="4" name="スライド番号プレースホルダー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0F554CA-2BEA-3E4B-997B-FC51848F792A}" type="slidenum">
              <a:rPr lang="ja-JP" altLang="en-US" smtClean="0"/>
              <a:pPr/>
              <a:t>9</a:t>
            </a:fld>
            <a:r>
              <a:rPr lang="en-US" altLang="ja-JP" smtClean="0">
                <a:ea typeface="Verdana" panose="020B0604030504040204" pitchFamily="34" charset="0"/>
              </a:rPr>
              <a:t> </a:t>
            </a:r>
            <a:endParaRPr lang="ja-JP" altLang="en-US" dirty="0"/>
          </a:p>
        </p:txBody>
      </p:sp>
      <p:sp>
        <p:nvSpPr>
          <p:cNvPr id="7" name="テキスト プレースホルダー 2"/>
          <p:cNvSpPr>
            <a:spLocks noGrp="1"/>
          </p:cNvSpPr>
          <p:nvPr>
            <p:ph type="body" sz="quarter" idx="10"/>
          </p:nvPr>
        </p:nvSpPr>
        <p:spPr>
          <a:xfrm>
            <a:off x="-1" y="680186"/>
            <a:ext cx="9143999" cy="5038348"/>
          </a:xfrm>
        </p:spPr>
        <p:txBody>
          <a:bodyPr/>
          <a:lstStyle/>
          <a:p>
            <a:pPr>
              <a:buNone/>
            </a:pPr>
            <a:r>
              <a:rPr lang="en-US" altLang="ja-JP" sz="1800" dirty="0" smtClean="0"/>
              <a:t>Apply</a:t>
            </a:r>
            <a:r>
              <a:rPr lang="ja-JP" altLang="en-US" sz="1800" dirty="0"/>
              <a:t> </a:t>
            </a:r>
            <a:r>
              <a:rPr lang="en-US" altLang="zh-TW" sz="1800" dirty="0" smtClean="0"/>
              <a:t>DQN</a:t>
            </a:r>
            <a:r>
              <a:rPr lang="zh-TW" altLang="en-US" sz="1800" dirty="0" smtClean="0"/>
              <a:t> </a:t>
            </a:r>
            <a:r>
              <a:rPr lang="en-US" altLang="zh-TW" sz="1800" dirty="0" smtClean="0"/>
              <a:t>on Maze solving problem:</a:t>
            </a:r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lang="en-US" altLang="ja-JP" sz="1800" dirty="0" smtClean="0"/>
          </a:p>
          <a:p>
            <a:pPr>
              <a:buNone/>
            </a:pPr>
            <a:endParaRPr lang="en-US" altLang="ja-JP" sz="1800" dirty="0"/>
          </a:p>
          <a:p>
            <a:pPr>
              <a:buNone/>
            </a:pPr>
            <a:endParaRPr kumimoji="1" lang="ja-JP" altLang="en-US" sz="1800" dirty="0"/>
          </a:p>
        </p:txBody>
      </p:sp>
      <p:sp>
        <p:nvSpPr>
          <p:cNvPr id="8" name="テキスト ボックス 7"/>
          <p:cNvSpPr txBox="1"/>
          <p:nvPr/>
        </p:nvSpPr>
        <p:spPr>
          <a:xfrm>
            <a:off x="370432" y="3142412"/>
            <a:ext cx="14688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>
                <a:solidFill>
                  <a:schemeClr val="accent2">
                    <a:lumMod val="75000"/>
                  </a:schemeClr>
                </a:solidFill>
              </a:rPr>
              <a:t>Current State</a:t>
            </a:r>
            <a:endParaRPr kumimoji="1" lang="ja-JP" altLang="en-US" dirty="0">
              <a:solidFill>
                <a:schemeClr val="accent2">
                  <a:lumMod val="75000"/>
                </a:schemeClr>
              </a:solidFill>
            </a:endParaRPr>
          </a:p>
        </p:txBody>
      </p:sp>
      <p:pic>
        <p:nvPicPr>
          <p:cNvPr id="9" name="図 8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652" t="11269" r="18080" b="8672"/>
          <a:stretch/>
        </p:blipFill>
        <p:spPr>
          <a:xfrm>
            <a:off x="1499629" y="2771603"/>
            <a:ext cx="1381864" cy="1387951"/>
          </a:xfrm>
          <a:prstGeom prst="rect">
            <a:avLst/>
          </a:prstGeom>
        </p:spPr>
      </p:pic>
      <p:sp>
        <p:nvSpPr>
          <p:cNvPr id="11" name="フローチャート: 磁気ディスク 10"/>
          <p:cNvSpPr/>
          <p:nvPr/>
        </p:nvSpPr>
        <p:spPr>
          <a:xfrm>
            <a:off x="3719408" y="5351206"/>
            <a:ext cx="1464705" cy="880425"/>
          </a:xfrm>
          <a:prstGeom prst="flowChartMagneticDisk">
            <a:avLst/>
          </a:prstGeom>
          <a:solidFill>
            <a:schemeClr val="tx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ja-JP" dirty="0" smtClean="0">
                <a:solidFill>
                  <a:schemeClr val="tx1"/>
                </a:solidFill>
              </a:rPr>
              <a:t>Experience</a:t>
            </a:r>
            <a:endParaRPr kumimoji="1" lang="en-US" altLang="ja-JP" dirty="0" smtClean="0">
              <a:solidFill>
                <a:schemeClr val="tx1"/>
              </a:solidFill>
            </a:endParaRPr>
          </a:p>
          <a:p>
            <a:pPr algn="ctr"/>
            <a:r>
              <a:rPr kumimoji="1" lang="en-US" altLang="ja-JP" dirty="0" smtClean="0">
                <a:solidFill>
                  <a:schemeClr val="tx1"/>
                </a:solidFill>
              </a:rPr>
              <a:t>DB</a:t>
            </a:r>
            <a:endParaRPr kumimoji="1" lang="ja-JP" altLang="en-US" dirty="0">
              <a:solidFill>
                <a:schemeClr val="tx1"/>
              </a:solidFill>
            </a:endParaRPr>
          </a:p>
        </p:txBody>
      </p:sp>
      <p:sp>
        <p:nvSpPr>
          <p:cNvPr id="12" name="フローチャート: 代替処理 11"/>
          <p:cNvSpPr/>
          <p:nvPr/>
        </p:nvSpPr>
        <p:spPr>
          <a:xfrm>
            <a:off x="3775185" y="3101132"/>
            <a:ext cx="1408928" cy="775017"/>
          </a:xfrm>
          <a:prstGeom prst="flowChartAlternate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ja-JP" sz="2000" dirty="0" smtClean="0">
                <a:solidFill>
                  <a:schemeClr val="tx1"/>
                </a:solidFill>
              </a:rPr>
              <a:t>Model</a:t>
            </a:r>
            <a:endParaRPr kumimoji="1" lang="ja-JP" altLang="en-US" sz="2000" dirty="0">
              <a:solidFill>
                <a:schemeClr val="tx1"/>
              </a:solidFill>
            </a:endParaRPr>
          </a:p>
        </p:txBody>
      </p:sp>
      <p:cxnSp>
        <p:nvCxnSpPr>
          <p:cNvPr id="17" name="直線矢印コネクタ 16"/>
          <p:cNvCxnSpPr>
            <a:endCxn id="60" idx="1"/>
          </p:cNvCxnSpPr>
          <p:nvPr/>
        </p:nvCxnSpPr>
        <p:spPr>
          <a:xfrm flipV="1">
            <a:off x="5165365" y="3061995"/>
            <a:ext cx="1329225" cy="458563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テキスト ボックス 18"/>
          <p:cNvSpPr txBox="1"/>
          <p:nvPr/>
        </p:nvSpPr>
        <p:spPr>
          <a:xfrm>
            <a:off x="1649254" y="4594778"/>
            <a:ext cx="7595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ja-JP" dirty="0" smtClean="0">
                <a:solidFill>
                  <a:srgbClr val="FF0000"/>
                </a:solidFill>
              </a:rPr>
              <a:t>Add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cxnSp>
        <p:nvCxnSpPr>
          <p:cNvPr id="27" name="直線矢印コネクタ 26"/>
          <p:cNvCxnSpPr>
            <a:endCxn id="63" idx="1"/>
          </p:cNvCxnSpPr>
          <p:nvPr/>
        </p:nvCxnSpPr>
        <p:spPr>
          <a:xfrm flipV="1">
            <a:off x="5165365" y="3447673"/>
            <a:ext cx="1335222" cy="7288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直線矢印コネクタ 29"/>
          <p:cNvCxnSpPr>
            <a:endCxn id="62" idx="1"/>
          </p:cNvCxnSpPr>
          <p:nvPr/>
        </p:nvCxnSpPr>
        <p:spPr>
          <a:xfrm>
            <a:off x="5165365" y="3520558"/>
            <a:ext cx="1329225" cy="3727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直線矢印コネクタ 31"/>
          <p:cNvCxnSpPr>
            <a:endCxn id="61" idx="1"/>
          </p:cNvCxnSpPr>
          <p:nvPr/>
        </p:nvCxnSpPr>
        <p:spPr>
          <a:xfrm>
            <a:off x="5165365" y="3520558"/>
            <a:ext cx="1329225" cy="80138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直線矢印コネクタ 45"/>
          <p:cNvCxnSpPr>
            <a:stCxn id="9" idx="2"/>
            <a:endCxn id="11" idx="2"/>
          </p:cNvCxnSpPr>
          <p:nvPr/>
        </p:nvCxnSpPr>
        <p:spPr>
          <a:xfrm>
            <a:off x="2190561" y="4159554"/>
            <a:ext cx="1528847" cy="163186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テキスト ボックス 59"/>
          <p:cNvSpPr txBox="1"/>
          <p:nvPr/>
        </p:nvSpPr>
        <p:spPr>
          <a:xfrm>
            <a:off x="6494590" y="2877329"/>
            <a:ext cx="135139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/>
              <a:t>Left:0.5</a:t>
            </a:r>
            <a:endParaRPr kumimoji="1" lang="ja-JP" altLang="en-US" dirty="0"/>
          </a:p>
        </p:txBody>
      </p:sp>
      <p:sp>
        <p:nvSpPr>
          <p:cNvPr id="61" name="テキスト ボックス 60"/>
          <p:cNvSpPr txBox="1"/>
          <p:nvPr/>
        </p:nvSpPr>
        <p:spPr>
          <a:xfrm>
            <a:off x="6494590" y="4137277"/>
            <a:ext cx="168236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/>
              <a:t>Down:0.3</a:t>
            </a:r>
            <a:endParaRPr kumimoji="1" lang="ja-JP" altLang="en-US" dirty="0"/>
          </a:p>
        </p:txBody>
      </p:sp>
      <p:sp>
        <p:nvSpPr>
          <p:cNvPr id="62" name="テキスト ボックス 61"/>
          <p:cNvSpPr txBox="1"/>
          <p:nvPr/>
        </p:nvSpPr>
        <p:spPr>
          <a:xfrm>
            <a:off x="6494590" y="3708641"/>
            <a:ext cx="135100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/>
              <a:t>Right:0.1 </a:t>
            </a:r>
            <a:endParaRPr kumimoji="1" lang="ja-JP" altLang="en-US" dirty="0"/>
          </a:p>
        </p:txBody>
      </p:sp>
      <p:sp>
        <p:nvSpPr>
          <p:cNvPr id="63" name="テキスト ボックス 62"/>
          <p:cNvSpPr txBox="1"/>
          <p:nvPr/>
        </p:nvSpPr>
        <p:spPr>
          <a:xfrm>
            <a:off x="6500587" y="3263007"/>
            <a:ext cx="156427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/>
              <a:t>U</a:t>
            </a:r>
            <a:r>
              <a:rPr kumimoji="1" lang="en-US" altLang="ja-JP" dirty="0" smtClean="0"/>
              <a:t>p:-0.1</a:t>
            </a:r>
            <a:endParaRPr kumimoji="1" lang="ja-JP" altLang="en-US" dirty="0"/>
          </a:p>
        </p:txBody>
      </p:sp>
      <p:cxnSp>
        <p:nvCxnSpPr>
          <p:cNvPr id="83" name="直線矢印コネクタ 82"/>
          <p:cNvCxnSpPr>
            <a:stCxn id="9" idx="3"/>
            <a:endCxn id="12" idx="1"/>
          </p:cNvCxnSpPr>
          <p:nvPr/>
        </p:nvCxnSpPr>
        <p:spPr>
          <a:xfrm>
            <a:off x="2881493" y="3465579"/>
            <a:ext cx="893692" cy="2306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直線矢印コネクタ 99"/>
          <p:cNvCxnSpPr>
            <a:stCxn id="11" idx="1"/>
            <a:endCxn id="12" idx="2"/>
          </p:cNvCxnSpPr>
          <p:nvPr/>
        </p:nvCxnSpPr>
        <p:spPr>
          <a:xfrm flipV="1">
            <a:off x="4451761" y="3876149"/>
            <a:ext cx="27888" cy="147505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テキスト ボックス 103"/>
          <p:cNvSpPr txBox="1"/>
          <p:nvPr/>
        </p:nvSpPr>
        <p:spPr>
          <a:xfrm>
            <a:off x="3566102" y="4121889"/>
            <a:ext cx="239964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ja-JP" sz="1600" dirty="0" smtClean="0">
                <a:solidFill>
                  <a:srgbClr val="FF0000"/>
                </a:solidFill>
              </a:rPr>
              <a:t>Random Fetch and Update weights</a:t>
            </a:r>
            <a:endParaRPr kumimoji="1" lang="ja-JP" altLang="en-US" sz="1600" dirty="0">
              <a:solidFill>
                <a:srgbClr val="FF0000"/>
              </a:solidFill>
            </a:endParaRPr>
          </a:p>
        </p:txBody>
      </p:sp>
      <p:sp>
        <p:nvSpPr>
          <p:cNvPr id="108" name="楕円 107"/>
          <p:cNvSpPr/>
          <p:nvPr/>
        </p:nvSpPr>
        <p:spPr>
          <a:xfrm>
            <a:off x="6467904" y="2789352"/>
            <a:ext cx="1127295" cy="522608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>
              <a:noFill/>
            </a:endParaRPr>
          </a:p>
        </p:txBody>
      </p:sp>
      <p:sp>
        <p:nvSpPr>
          <p:cNvPr id="131" name="下カーブ矢印 130"/>
          <p:cNvSpPr/>
          <p:nvPr/>
        </p:nvSpPr>
        <p:spPr>
          <a:xfrm flipH="1">
            <a:off x="2309193" y="1870217"/>
            <a:ext cx="4368799" cy="906667"/>
          </a:xfrm>
          <a:prstGeom prst="curvedDownArrow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ja-JP" altLang="en-US">
              <a:solidFill>
                <a:schemeClr val="tx1"/>
              </a:solidFill>
            </a:endParaRPr>
          </a:p>
        </p:txBody>
      </p:sp>
      <p:sp>
        <p:nvSpPr>
          <p:cNvPr id="71" name="テキスト ボックス 70"/>
          <p:cNvSpPr txBox="1"/>
          <p:nvPr/>
        </p:nvSpPr>
        <p:spPr>
          <a:xfrm>
            <a:off x="6730165" y="2410997"/>
            <a:ext cx="10482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>
                <a:solidFill>
                  <a:schemeClr val="accent2">
                    <a:lumMod val="75000"/>
                  </a:schemeClr>
                </a:solidFill>
              </a:rPr>
              <a:t>Max Q</a:t>
            </a:r>
            <a:endParaRPr kumimoji="1" lang="ja-JP" altLang="en-US" dirty="0">
              <a:solidFill>
                <a:schemeClr val="accent2">
                  <a:lumMod val="75000"/>
                </a:schemeClr>
              </a:solidFill>
            </a:endParaRPr>
          </a:p>
        </p:txBody>
      </p:sp>
      <p:sp>
        <p:nvSpPr>
          <p:cNvPr id="132" name="右中かっこ 131"/>
          <p:cNvSpPr/>
          <p:nvPr/>
        </p:nvSpPr>
        <p:spPr>
          <a:xfrm>
            <a:off x="7778381" y="3061995"/>
            <a:ext cx="361303" cy="1259948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kumimoji="1" lang="ja-JP" altLang="en-US"/>
          </a:p>
        </p:txBody>
      </p:sp>
      <p:sp>
        <p:nvSpPr>
          <p:cNvPr id="134" name="テキスト ボックス 133"/>
          <p:cNvSpPr txBox="1"/>
          <p:nvPr/>
        </p:nvSpPr>
        <p:spPr>
          <a:xfrm>
            <a:off x="3702482" y="1967974"/>
            <a:ext cx="161010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>
                <a:solidFill>
                  <a:srgbClr val="FF0000"/>
                </a:solidFill>
              </a:rPr>
              <a:t>Make move</a:t>
            </a:r>
            <a:endParaRPr kumimoji="1" lang="ja-JP" altLang="en-US" dirty="0">
              <a:solidFill>
                <a:srgbClr val="FF0000"/>
              </a:solidFill>
            </a:endParaRPr>
          </a:p>
        </p:txBody>
      </p:sp>
      <p:sp>
        <p:nvSpPr>
          <p:cNvPr id="135" name="テキスト ボックス 134"/>
          <p:cNvSpPr txBox="1"/>
          <p:nvPr/>
        </p:nvSpPr>
        <p:spPr>
          <a:xfrm>
            <a:off x="8159122" y="3498171"/>
            <a:ext cx="11051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ja-JP" dirty="0" smtClean="0">
                <a:solidFill>
                  <a:schemeClr val="accent2">
                    <a:lumMod val="75000"/>
                  </a:schemeClr>
                </a:solidFill>
              </a:rPr>
              <a:t>Q value</a:t>
            </a:r>
            <a:endParaRPr kumimoji="1" lang="ja-JP" altLang="en-US" dirty="0">
              <a:solidFill>
                <a:schemeClr val="accent2">
                  <a:lumMod val="75000"/>
                </a:schemeClr>
              </a:solidFill>
            </a:endParaRPr>
          </a:p>
        </p:txBody>
      </p:sp>
      <p:pic>
        <p:nvPicPr>
          <p:cNvPr id="2050" name="Picture 2" descr="https://cdn-images-1.medium.com/max/1540/1*Gqg5g7PxlpHv35MchecWiA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1998" y="4710686"/>
            <a:ext cx="4410449" cy="4814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" name="文字方塊 2"/>
              <p:cNvSpPr txBox="1"/>
              <p:nvPr/>
            </p:nvSpPr>
            <p:spPr>
              <a:xfrm>
                <a:off x="1024723" y="4894147"/>
                <a:ext cx="1962332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altLang="zh-TW" sz="2400" dirty="0" smtClean="0"/>
                  <a:t>[</a:t>
                </a:r>
                <a:r>
                  <a:rPr lang="en-US" altLang="zh-TW" sz="2400" dirty="0" err="1" smtClean="0"/>
                  <a:t>s,a,r</a:t>
                </a:r>
                <a:r>
                  <a:rPr lang="en-US" altLang="zh-TW" sz="2400" dirty="0" smtClean="0"/>
                  <a:t>,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altLang="zh-TW" sz="24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altLang="zh-TW" sz="2400" b="0" i="1" smtClean="0">
                            <a:latin typeface="Cambria Math" panose="02040503050406030204" pitchFamily="18" charset="0"/>
                          </a:rPr>
                          <m:t>𝑠</m:t>
                        </m:r>
                      </m:e>
                      <m:sub>
                        <m:r>
                          <a:rPr lang="en-US" altLang="zh-TW" sz="24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  <m:r>
                          <a:rPr lang="en-US" altLang="zh-TW" sz="2400" b="0" i="1" smtClean="0">
                            <a:latin typeface="Cambria Math" panose="02040503050406030204" pitchFamily="18" charset="0"/>
                          </a:rPr>
                          <m:t>+1</m:t>
                        </m:r>
                      </m:sub>
                    </m:sSub>
                  </m:oMath>
                </a14:m>
                <a:r>
                  <a:rPr lang="en-US" altLang="zh-TW" sz="2400" dirty="0" smtClean="0"/>
                  <a:t>,t]</a:t>
                </a:r>
                <a:endParaRPr lang="zh-TW" altLang="en-US" sz="2400" dirty="0"/>
              </a:p>
            </p:txBody>
          </p:sp>
        </mc:Choice>
        <mc:Fallback>
          <p:sp>
            <p:nvSpPr>
              <p:cNvPr id="3" name="文字方塊 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4723" y="4894147"/>
                <a:ext cx="1962332" cy="461665"/>
              </a:xfrm>
              <a:prstGeom prst="rect">
                <a:avLst/>
              </a:prstGeom>
              <a:blipFill rotWithShape="0">
                <a:blip r:embed="rId5"/>
                <a:stretch>
                  <a:fillRect l="-4658" t="-11842" r="-3727" b="-27632"/>
                </a:stretch>
              </a:blipFill>
            </p:spPr>
            <p:txBody>
              <a:bodyPr/>
              <a:lstStyle/>
              <a:p>
                <a:r>
                  <a:rPr lang="zh-TW" alt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5273625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7年ロボ展まとめ">
  <a:themeElements>
    <a:clrScheme name="DENSO170309">
      <a:dk1>
        <a:srgbClr val="000000"/>
      </a:dk1>
      <a:lt1>
        <a:srgbClr val="FFFFFF"/>
      </a:lt1>
      <a:dk2>
        <a:srgbClr val="B9D7EB"/>
      </a:dk2>
      <a:lt2>
        <a:srgbClr val="DC0032"/>
      </a:lt2>
      <a:accent1>
        <a:srgbClr val="828282"/>
      </a:accent1>
      <a:accent2>
        <a:srgbClr val="34B78F"/>
      </a:accent2>
      <a:accent3>
        <a:srgbClr val="A77BCA"/>
      </a:accent3>
      <a:accent4>
        <a:srgbClr val="0092BD"/>
      </a:accent4>
      <a:accent5>
        <a:srgbClr val="004386"/>
      </a:accent5>
      <a:accent6>
        <a:srgbClr val="EF60A3"/>
      </a:accent6>
      <a:hlink>
        <a:srgbClr val="000000"/>
      </a:hlink>
      <a:folHlink>
        <a:srgbClr val="000000"/>
      </a:folHlink>
    </a:clrScheme>
    <a:fontScheme name="DENSO1703">
      <a:majorFont>
        <a:latin typeface="Meiryo UI"/>
        <a:ea typeface="Meiryo UI"/>
        <a:cs typeface=""/>
      </a:majorFont>
      <a:minorFont>
        <a:latin typeface="Meiryo UI"/>
        <a:ea typeface="Meiryo UI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2"/>
        </a:solidFill>
        <a:ln>
          <a:noFill/>
        </a:ln>
      </a:spPr>
      <a:bodyPr rtlCol="0" anchor="ctr"/>
      <a:lstStyle>
        <a:defPPr algn="ctr">
          <a:defRPr kumimoji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プレゼンテーション1" id="{6CD77320-9380-444F-AE15-ECBF35F57E38}" vid="{A6E4864B-BB9F-4EE0-A2F2-49FB605080D1}"/>
    </a:ext>
  </a:extLst>
</a:theme>
</file>

<file path=ppt/theme/theme2.xml><?xml version="1.0" encoding="utf-8"?>
<a:theme xmlns:a="http://schemas.openxmlformats.org/drawingml/2006/main" name="ホワイ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Yu Gothic Light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Yu Gothic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ホワイ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Yu Gothic Light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Yu Gothic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170424_方針検討</Template>
  <TotalTime>0</TotalTime>
  <Words>3358</Words>
  <Application>Microsoft Office PowerPoint</Application>
  <PresentationFormat>自訂</PresentationFormat>
  <Paragraphs>368</Paragraphs>
  <Slides>21</Slides>
  <Notes>21</Notes>
  <HiddenSlides>0</HiddenSlides>
  <MMClips>3</MMClips>
  <ScaleCrop>false</ScaleCrop>
  <HeadingPairs>
    <vt:vector size="6" baseType="variant">
      <vt:variant>
        <vt:lpstr>使用字型</vt:lpstr>
      </vt:variant>
      <vt:variant>
        <vt:i4>7</vt:i4>
      </vt:variant>
      <vt:variant>
        <vt:lpstr>佈景主題</vt:lpstr>
      </vt:variant>
      <vt:variant>
        <vt:i4>1</vt:i4>
      </vt:variant>
      <vt:variant>
        <vt:lpstr>投影片標題</vt:lpstr>
      </vt:variant>
      <vt:variant>
        <vt:i4>21</vt:i4>
      </vt:variant>
    </vt:vector>
  </HeadingPairs>
  <TitlesOfParts>
    <vt:vector size="29" baseType="lpstr">
      <vt:lpstr>Meiryo UI</vt:lpstr>
      <vt:lpstr>Yu Gothic</vt:lpstr>
      <vt:lpstr>新細明體</vt:lpstr>
      <vt:lpstr>Arial</vt:lpstr>
      <vt:lpstr>Calibri</vt:lpstr>
      <vt:lpstr>Cambria Math</vt:lpstr>
      <vt:lpstr>Verdana</vt:lpstr>
      <vt:lpstr>17年ロボ展まとめ</vt:lpstr>
      <vt:lpstr>ロボット経由点軌道探索: 深層強化学習の実装と迷路問題での評価</vt:lpstr>
      <vt:lpstr> 1. Timeline 2. Background 3. Deep Reinforcement Learning 4. Conclusion &amp; Future Works</vt:lpstr>
      <vt:lpstr> 1. Timeline 2. Background 3. Deep Reinforcement Learning 4. Conclusion &amp; Future Works</vt:lpstr>
      <vt:lpstr>Timeline</vt:lpstr>
      <vt:lpstr> 1. Timeline 2. Background 3. Deep Reinforcement Learning 4. Conclusion &amp; Future Works</vt:lpstr>
      <vt:lpstr>Background</vt:lpstr>
      <vt:lpstr>Background</vt:lpstr>
      <vt:lpstr> 1. Timeline 2. Background 3. Deep Reinforcement Learning        -Apply on Maze solving        -Compare with tree search algorithms        -Improvement 4. Conclusion &amp; Future Works</vt:lpstr>
      <vt:lpstr>Deep Reinforcement Learning</vt:lpstr>
      <vt:lpstr>DQN - maze solving</vt:lpstr>
      <vt:lpstr>DQN – compare with tree search algorithms</vt:lpstr>
      <vt:lpstr>DQN - Improvement</vt:lpstr>
      <vt:lpstr>DQN - Improvement</vt:lpstr>
      <vt:lpstr>DQN - Improvement</vt:lpstr>
      <vt:lpstr>DQN - Improvement</vt:lpstr>
      <vt:lpstr>DQN - Improvement</vt:lpstr>
      <vt:lpstr> 1. Schedule 2. Background 3. Deep Reinforcement Learning 4. Conclusion &amp; Future Works</vt:lpstr>
      <vt:lpstr>Conclusion and Future works</vt:lpstr>
      <vt:lpstr>PowerPoint 簡報</vt:lpstr>
      <vt:lpstr>テーマの概要</vt:lpstr>
      <vt:lpstr>研究課題</vt:lpstr>
    </vt:vector>
  </TitlesOfParts>
  <LinksUpToDate>false</LinksUpToDate>
  <SharedDoc>false</SharedDoc>
  <HyperlinkBase/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7-04-24T02:22:38Z</dcterms:created>
  <dcterms:modified xsi:type="dcterms:W3CDTF">2018-11-01T17:40:03Z</dcterms:modified>
</cp:coreProperties>
</file>